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drawings/drawing5.xml" ContentType="application/vnd.openxmlformats-officedocument.drawing+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tables/table1.xml" ContentType="application/vnd.openxmlformats-officedocument.spreadsheetml.table+xml"/>
  <Override PartName="/xl/tables/table2.xml" ContentType="application/vnd.openxmlformats-officedocument.spreadsheetml.table+xml"/>
  <Override PartName="/xl/tables/table3.xml" ContentType="application/vnd.openxmlformats-officedocument.spreadsheetml.table+xml"/>
  <Override PartName="/xl/tables/table4.xml" ContentType="application/vnd.openxmlformats-officedocument.spreadsheetml.table+xml"/>
  <Override PartName="/xl/tables/table5.xml" ContentType="application/vnd.openxmlformats-officedocument.spreadsheetml.table+xml"/>
  <Override PartName="/xl/tables/table6.xml" ContentType="application/vnd.openxmlformats-officedocument.spreadsheetml.table+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7" rupBuild="14420"/>
  <workbookPr/>
  <mc:AlternateContent xmlns:mc="http://schemas.openxmlformats.org/markup-compatibility/2006">
    <mc:Choice Requires="x15">
      <x15ac:absPath xmlns:x15ac="http://schemas.microsoft.com/office/spreadsheetml/2010/11/ac" url="\\kfs01\s4330\80_指導研究課共用\80_01_研修指導班\H その他\【完成】単元作成シート（中学校）\"/>
    </mc:Choice>
  </mc:AlternateContent>
  <bookViews>
    <workbookView xWindow="-110" yWindow="-110" windowWidth="19420" windowHeight="10420" tabRatio="929"/>
  </bookViews>
  <sheets>
    <sheet name="【手順１】" sheetId="2" r:id="rId1"/>
    <sheet name="【手順２】ゴール型" sheetId="1" r:id="rId2"/>
    <sheet name="【手順２】ネット型" sheetId="17" r:id="rId3"/>
    <sheet name="【手順２】ベースボール型" sheetId="18" r:id="rId4"/>
    <sheet name="【手順３】ゴール型シート①" sheetId="5" r:id="rId5"/>
    <sheet name="【手順３】ゴール型シート②" sheetId="10" r:id="rId6"/>
    <sheet name="【手順３】ネット型シート①" sheetId="11" r:id="rId7"/>
    <sheet name="【手順３】ネット型シート②" sheetId="12" r:id="rId8"/>
    <sheet name="【手順３】ベースボール型シート①" sheetId="19" r:id="rId9"/>
    <sheet name="【例】指導事項の配置" sheetId="7" state="hidden" r:id="rId10"/>
    <sheet name="【例】指導と評価の計画（ゴール型）" sheetId="8" state="hidden" r:id="rId11"/>
    <sheet name="【例】単元計画表（ゴール型）" sheetId="9" state="hidden" r:id="rId12"/>
    <sheet name="評価規準一覧【ゴール型】" sheetId="14" state="hidden" r:id="rId13"/>
    <sheet name="評価規準一覧【ネット型】" sheetId="15" state="hidden" r:id="rId14"/>
    <sheet name="評価規準一覧【ベースボール型】" sheetId="16" state="hidden" r:id="rId15"/>
    <sheet name="リスト" sheetId="6" r:id="rId16"/>
  </sheets>
  <definedNames>
    <definedName name="_xlnm.Print_Area" localSheetId="0">【手順１】!$B$1:$CZ$52</definedName>
    <definedName name="_xlnm.Print_Area" localSheetId="1">【手順２】ゴール型!$A$3:$AQ$35</definedName>
    <definedName name="_xlnm.Print_Area" localSheetId="4">【手順３】ゴール型シート①!$A$1:$AA$39</definedName>
    <definedName name="_xlnm.Print_Area" localSheetId="5">【手順３】ゴール型シート②!$A$1:$AA$39</definedName>
    <definedName name="_xlnm.Print_Area" localSheetId="6">【手順３】ネット型シート①!$A$1:$AA$39</definedName>
    <definedName name="_xlnm.Print_Area" localSheetId="7">【手順３】ネット型シート②!$A$1:$AA$39</definedName>
    <definedName name="_xlnm.Print_Area" localSheetId="8">【手順３】ベースボール型シート①!$A$1:$AA$39</definedName>
    <definedName name="_xlnm.Print_Area" localSheetId="11">'【例】単元計画表（ゴール型）'!$A$1:$Q$38</definedName>
    <definedName name="技能【ゴール型】">テーブル8[[#All],[列1]]</definedName>
    <definedName name="技能【ネット型】">テーブル9[[#All],[列1]]</definedName>
    <definedName name="技能【ベースボール型】">テーブル6[[#All],[列1]]</definedName>
  </definedNames>
  <calcPr calcId="152511"/>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FV"/>
      </xcalcf:calcFeatures>
    </ext>
  </extLst>
</workbook>
</file>

<file path=xl/calcChain.xml><?xml version="1.0" encoding="utf-8"?>
<calcChain xmlns="http://schemas.openxmlformats.org/spreadsheetml/2006/main">
  <c r="C17" i="11" l="1"/>
  <c r="E17" i="11"/>
  <c r="G17" i="11"/>
  <c r="I17" i="11"/>
  <c r="K17" i="11"/>
  <c r="M17" i="11"/>
  <c r="O17" i="11"/>
  <c r="Q17" i="11"/>
  <c r="S17" i="11"/>
  <c r="U17" i="11"/>
  <c r="C18" i="11"/>
  <c r="D18" i="11"/>
  <c r="E18" i="11"/>
  <c r="F18" i="11"/>
  <c r="G18" i="11"/>
  <c r="H18" i="11"/>
  <c r="I18" i="11"/>
  <c r="J18" i="11"/>
  <c r="K18" i="11"/>
  <c r="L18" i="11"/>
  <c r="M18" i="11"/>
  <c r="N18" i="11"/>
  <c r="O18" i="11"/>
  <c r="P18" i="11"/>
  <c r="Q18" i="11"/>
  <c r="R18" i="11"/>
  <c r="S18" i="11"/>
  <c r="T18" i="11"/>
  <c r="U18" i="11"/>
  <c r="V18" i="11"/>
  <c r="C19" i="11"/>
  <c r="E19" i="11"/>
  <c r="G19" i="11"/>
  <c r="I19" i="11"/>
  <c r="K19" i="11"/>
  <c r="M19" i="11"/>
  <c r="O19" i="11"/>
  <c r="Q19" i="11"/>
  <c r="S19" i="11"/>
  <c r="U19" i="11"/>
  <c r="C20" i="11"/>
  <c r="E20" i="11"/>
  <c r="G20" i="11"/>
  <c r="I20" i="11"/>
  <c r="K20" i="11"/>
  <c r="M20" i="11"/>
  <c r="O20" i="11"/>
  <c r="Q20" i="11"/>
  <c r="S20" i="11"/>
  <c r="U20" i="11"/>
  <c r="E20" i="19" l="1"/>
  <c r="G20" i="19"/>
  <c r="I20" i="19"/>
  <c r="K20" i="19"/>
  <c r="M20" i="19"/>
  <c r="O20" i="19"/>
  <c r="Q20" i="19"/>
  <c r="S20" i="19"/>
  <c r="U20" i="19"/>
  <c r="C20" i="19"/>
  <c r="E19" i="19"/>
  <c r="G19" i="19"/>
  <c r="I19" i="19"/>
  <c r="K19" i="19"/>
  <c r="M19" i="19"/>
  <c r="O19" i="19"/>
  <c r="Q19" i="19"/>
  <c r="S19" i="19"/>
  <c r="U19" i="19"/>
  <c r="C19" i="19"/>
  <c r="D18" i="19"/>
  <c r="E18" i="19"/>
  <c r="F18" i="19"/>
  <c r="G18" i="19"/>
  <c r="H18" i="19"/>
  <c r="I18" i="19"/>
  <c r="J18" i="19"/>
  <c r="K18" i="19"/>
  <c r="L18" i="19"/>
  <c r="M18" i="19"/>
  <c r="N18" i="19"/>
  <c r="O18" i="19"/>
  <c r="P18" i="19"/>
  <c r="Q18" i="19"/>
  <c r="R18" i="19"/>
  <c r="S18" i="19"/>
  <c r="T18" i="19"/>
  <c r="U18" i="19"/>
  <c r="V18" i="19"/>
  <c r="C18" i="19"/>
  <c r="E17" i="19"/>
  <c r="G17" i="19"/>
  <c r="I17" i="19"/>
  <c r="K17" i="19"/>
  <c r="M17" i="19"/>
  <c r="O17" i="19"/>
  <c r="Q17" i="19"/>
  <c r="S17" i="19"/>
  <c r="U17" i="19"/>
  <c r="C17" i="19"/>
  <c r="E20" i="12"/>
  <c r="G20" i="12"/>
  <c r="I20" i="12"/>
  <c r="K20" i="12"/>
  <c r="M20" i="12"/>
  <c r="O20" i="12"/>
  <c r="Q20" i="12"/>
  <c r="S20" i="12"/>
  <c r="U20" i="12"/>
  <c r="C20" i="12"/>
  <c r="E19" i="12"/>
  <c r="G19" i="12"/>
  <c r="I19" i="12"/>
  <c r="K19" i="12"/>
  <c r="M19" i="12"/>
  <c r="O19" i="12"/>
  <c r="Q19" i="12"/>
  <c r="S19" i="12"/>
  <c r="U19" i="12"/>
  <c r="C19" i="12"/>
  <c r="D18" i="12"/>
  <c r="E18" i="12"/>
  <c r="F18" i="12"/>
  <c r="G18" i="12"/>
  <c r="H18" i="12"/>
  <c r="I18" i="12"/>
  <c r="J18" i="12"/>
  <c r="K18" i="12"/>
  <c r="L18" i="12"/>
  <c r="M18" i="12"/>
  <c r="N18" i="12"/>
  <c r="O18" i="12"/>
  <c r="P18" i="12"/>
  <c r="Q18" i="12"/>
  <c r="R18" i="12"/>
  <c r="S18" i="12"/>
  <c r="T18" i="12"/>
  <c r="U18" i="12"/>
  <c r="V18" i="12"/>
  <c r="C18" i="12"/>
  <c r="E17" i="12"/>
  <c r="G17" i="12"/>
  <c r="I17" i="12"/>
  <c r="K17" i="12"/>
  <c r="M17" i="12"/>
  <c r="O17" i="12"/>
  <c r="Q17" i="12"/>
  <c r="S17" i="12"/>
  <c r="U17" i="12"/>
  <c r="C17" i="12"/>
  <c r="E20" i="10"/>
  <c r="G20" i="10"/>
  <c r="I20" i="10"/>
  <c r="K20" i="10"/>
  <c r="M20" i="10"/>
  <c r="O20" i="10"/>
  <c r="Q20" i="10"/>
  <c r="S20" i="10"/>
  <c r="U20" i="10"/>
  <c r="C20" i="10"/>
  <c r="E19" i="10"/>
  <c r="G19" i="10"/>
  <c r="I19" i="10"/>
  <c r="K19" i="10"/>
  <c r="M19" i="10"/>
  <c r="O19" i="10"/>
  <c r="Q19" i="10"/>
  <c r="S19" i="10"/>
  <c r="U19" i="10"/>
  <c r="C19" i="10"/>
  <c r="D18" i="10"/>
  <c r="E18" i="10"/>
  <c r="F18" i="10"/>
  <c r="G18" i="10"/>
  <c r="H18" i="10"/>
  <c r="I18" i="10"/>
  <c r="J18" i="10"/>
  <c r="K18" i="10"/>
  <c r="L18" i="10"/>
  <c r="M18" i="10"/>
  <c r="N18" i="10"/>
  <c r="O18" i="10"/>
  <c r="P18" i="10"/>
  <c r="Q18" i="10"/>
  <c r="R18" i="10"/>
  <c r="S18" i="10"/>
  <c r="T18" i="10"/>
  <c r="U18" i="10"/>
  <c r="V18" i="10"/>
  <c r="C18" i="10"/>
  <c r="E17" i="10"/>
  <c r="G17" i="10"/>
  <c r="I17" i="10"/>
  <c r="K17" i="10"/>
  <c r="M17" i="10"/>
  <c r="O17" i="10"/>
  <c r="Q17" i="10"/>
  <c r="S17" i="10"/>
  <c r="U17" i="10"/>
  <c r="C17" i="10"/>
  <c r="C20" i="5"/>
  <c r="E20" i="5"/>
  <c r="G20" i="5"/>
  <c r="I20" i="5"/>
  <c r="K20" i="5"/>
  <c r="M20" i="5"/>
  <c r="O20" i="5"/>
  <c r="Q20" i="5"/>
  <c r="S20" i="5"/>
  <c r="U20" i="5"/>
  <c r="E19" i="5"/>
  <c r="G19" i="5"/>
  <c r="I19" i="5"/>
  <c r="K19" i="5"/>
  <c r="M19" i="5"/>
  <c r="O19" i="5"/>
  <c r="Q19" i="5"/>
  <c r="S19" i="5"/>
  <c r="U19" i="5"/>
  <c r="C19" i="5"/>
  <c r="D18" i="5"/>
  <c r="E18" i="5"/>
  <c r="F18" i="5"/>
  <c r="G18" i="5"/>
  <c r="H18" i="5"/>
  <c r="I18" i="5"/>
  <c r="J18" i="5"/>
  <c r="K18" i="5"/>
  <c r="L18" i="5"/>
  <c r="M18" i="5"/>
  <c r="N18" i="5"/>
  <c r="O18" i="5"/>
  <c r="P18" i="5"/>
  <c r="Q18" i="5"/>
  <c r="R18" i="5"/>
  <c r="S18" i="5"/>
  <c r="T18" i="5"/>
  <c r="U18" i="5"/>
  <c r="V18" i="5"/>
  <c r="C18" i="5"/>
  <c r="E17" i="5"/>
  <c r="G17" i="5"/>
  <c r="I17" i="5"/>
  <c r="K17" i="5"/>
  <c r="M17" i="5"/>
  <c r="O17" i="5"/>
  <c r="Q17" i="5"/>
  <c r="S17" i="5"/>
  <c r="U17" i="5"/>
  <c r="C17" i="5"/>
  <c r="D19" i="18" l="1"/>
  <c r="F19" i="18"/>
  <c r="H19" i="18"/>
  <c r="J19" i="18"/>
  <c r="L19" i="18"/>
  <c r="N19" i="18"/>
  <c r="P19" i="18"/>
  <c r="R19" i="18"/>
  <c r="T19" i="18"/>
  <c r="V19" i="18"/>
  <c r="D20" i="18"/>
  <c r="F20" i="18"/>
  <c r="H20" i="18"/>
  <c r="J20" i="18"/>
  <c r="L20" i="18"/>
  <c r="N20" i="18"/>
  <c r="P20" i="18"/>
  <c r="R20" i="18"/>
  <c r="T20" i="18"/>
  <c r="V20" i="18"/>
  <c r="D21" i="18"/>
  <c r="F21" i="18"/>
  <c r="H21" i="18"/>
  <c r="J21" i="18"/>
  <c r="L21" i="18"/>
  <c r="N21" i="18"/>
  <c r="P21" i="18"/>
  <c r="R21" i="18"/>
  <c r="T21" i="18"/>
  <c r="V21" i="18"/>
  <c r="D22" i="18"/>
  <c r="F22" i="18"/>
  <c r="H22" i="18"/>
  <c r="J22" i="18"/>
  <c r="L22" i="18"/>
  <c r="N22" i="18"/>
  <c r="P22" i="18"/>
  <c r="R22" i="18"/>
  <c r="T22" i="18"/>
  <c r="V22" i="18"/>
  <c r="D23" i="18"/>
  <c r="F23" i="18"/>
  <c r="H23" i="18"/>
  <c r="J23" i="18"/>
  <c r="L23" i="18"/>
  <c r="N23" i="18"/>
  <c r="P23" i="18"/>
  <c r="R23" i="18"/>
  <c r="T23" i="18"/>
  <c r="V23" i="18"/>
  <c r="D24" i="18"/>
  <c r="F24" i="18"/>
  <c r="H24" i="18"/>
  <c r="J24" i="18"/>
  <c r="L24" i="18"/>
  <c r="N24" i="18"/>
  <c r="P24" i="18"/>
  <c r="R24" i="18"/>
  <c r="T24" i="18"/>
  <c r="V24" i="18"/>
  <c r="D25" i="18"/>
  <c r="F25" i="18"/>
  <c r="H25" i="18"/>
  <c r="J25" i="18"/>
  <c r="L25" i="18"/>
  <c r="N25" i="18"/>
  <c r="P25" i="18"/>
  <c r="R25" i="18"/>
  <c r="T25" i="18"/>
  <c r="V25" i="18"/>
  <c r="D26" i="18"/>
  <c r="F26" i="18"/>
  <c r="H26" i="18"/>
  <c r="J26" i="18"/>
  <c r="L26" i="18"/>
  <c r="N26" i="18"/>
  <c r="P26" i="18"/>
  <c r="R26" i="18"/>
  <c r="T26" i="18"/>
  <c r="V26" i="18"/>
  <c r="D27" i="18"/>
  <c r="F27" i="18"/>
  <c r="H27" i="18"/>
  <c r="J27" i="18"/>
  <c r="L27" i="18"/>
  <c r="N27" i="18"/>
  <c r="P27" i="18"/>
  <c r="R27" i="18"/>
  <c r="T27" i="18"/>
  <c r="V27" i="18"/>
  <c r="D28" i="18"/>
  <c r="F28" i="18"/>
  <c r="H28" i="18"/>
  <c r="J28" i="18"/>
  <c r="L28" i="18"/>
  <c r="N28" i="18"/>
  <c r="P28" i="18"/>
  <c r="R28" i="18"/>
  <c r="T28" i="18"/>
  <c r="V28" i="18"/>
  <c r="D29" i="18"/>
  <c r="F29" i="18"/>
  <c r="H29" i="18"/>
  <c r="J29" i="18"/>
  <c r="L29" i="18"/>
  <c r="N29" i="18"/>
  <c r="P29" i="18"/>
  <c r="R29" i="18"/>
  <c r="T29" i="18"/>
  <c r="V29" i="18"/>
  <c r="D30" i="18"/>
  <c r="F30" i="18"/>
  <c r="H30" i="18"/>
  <c r="J30" i="18"/>
  <c r="L30" i="18"/>
  <c r="N30" i="18"/>
  <c r="P30" i="18"/>
  <c r="R30" i="18"/>
  <c r="T30" i="18"/>
  <c r="V30" i="18"/>
  <c r="D31" i="18"/>
  <c r="F31" i="18"/>
  <c r="H31" i="18"/>
  <c r="J31" i="18"/>
  <c r="L31" i="18"/>
  <c r="N31" i="18"/>
  <c r="P31" i="18"/>
  <c r="R31" i="18"/>
  <c r="T31" i="18"/>
  <c r="V31" i="18"/>
  <c r="D32" i="18"/>
  <c r="F32" i="18"/>
  <c r="H32" i="18"/>
  <c r="J32" i="18"/>
  <c r="L32" i="18"/>
  <c r="N32" i="18"/>
  <c r="P32" i="18"/>
  <c r="R32" i="18"/>
  <c r="T32" i="18"/>
  <c r="V32" i="18"/>
  <c r="F18" i="18"/>
  <c r="H18" i="18"/>
  <c r="J18" i="18"/>
  <c r="L18" i="18"/>
  <c r="N18" i="18"/>
  <c r="P18" i="18"/>
  <c r="R18" i="18"/>
  <c r="T18" i="18"/>
  <c r="V18" i="18"/>
  <c r="D18" i="18"/>
  <c r="D10" i="18"/>
  <c r="E10" i="18"/>
  <c r="F10" i="18"/>
  <c r="G10" i="18"/>
  <c r="H10" i="18"/>
  <c r="I10" i="18"/>
  <c r="J10" i="18"/>
  <c r="K10" i="18"/>
  <c r="L10" i="18"/>
  <c r="M10" i="18"/>
  <c r="N10" i="18"/>
  <c r="O10" i="18"/>
  <c r="P10" i="18"/>
  <c r="Q10" i="18"/>
  <c r="R10" i="18"/>
  <c r="S10" i="18"/>
  <c r="T10" i="18"/>
  <c r="U10" i="18"/>
  <c r="V10" i="18"/>
  <c r="W10" i="18"/>
  <c r="D11" i="18"/>
  <c r="E11" i="18"/>
  <c r="F11" i="18"/>
  <c r="G11" i="18"/>
  <c r="H11" i="18"/>
  <c r="I11" i="18"/>
  <c r="J11" i="18"/>
  <c r="K11" i="18"/>
  <c r="L11" i="18"/>
  <c r="M11" i="18"/>
  <c r="N11" i="18"/>
  <c r="O11" i="18"/>
  <c r="P11" i="18"/>
  <c r="Q11" i="18"/>
  <c r="R11" i="18"/>
  <c r="S11" i="18"/>
  <c r="T11" i="18"/>
  <c r="U11" i="18"/>
  <c r="V11" i="18"/>
  <c r="W11" i="18"/>
  <c r="D12" i="18"/>
  <c r="E12" i="18"/>
  <c r="F12" i="18"/>
  <c r="G12" i="18"/>
  <c r="H12" i="18"/>
  <c r="I12" i="18"/>
  <c r="J12" i="18"/>
  <c r="K12" i="18"/>
  <c r="L12" i="18"/>
  <c r="M12" i="18"/>
  <c r="N12" i="18"/>
  <c r="O12" i="18"/>
  <c r="P12" i="18"/>
  <c r="Q12" i="18"/>
  <c r="R12" i="18"/>
  <c r="S12" i="18"/>
  <c r="T12" i="18"/>
  <c r="U12" i="18"/>
  <c r="V12" i="18"/>
  <c r="W12" i="18"/>
  <c r="D13" i="18"/>
  <c r="E13" i="18"/>
  <c r="F13" i="18"/>
  <c r="G13" i="18"/>
  <c r="H13" i="18"/>
  <c r="I13" i="18"/>
  <c r="J13" i="18"/>
  <c r="K13" i="18"/>
  <c r="L13" i="18"/>
  <c r="M13" i="18"/>
  <c r="N13" i="18"/>
  <c r="O13" i="18"/>
  <c r="P13" i="18"/>
  <c r="Q13" i="18"/>
  <c r="R13" i="18"/>
  <c r="S13" i="18"/>
  <c r="T13" i="18"/>
  <c r="U13" i="18"/>
  <c r="V13" i="18"/>
  <c r="W13" i="18"/>
  <c r="D14" i="18"/>
  <c r="E14" i="18"/>
  <c r="F14" i="18"/>
  <c r="G14" i="18"/>
  <c r="H14" i="18"/>
  <c r="I14" i="18"/>
  <c r="J14" i="18"/>
  <c r="K14" i="18"/>
  <c r="L14" i="18"/>
  <c r="M14" i="18"/>
  <c r="N14" i="18"/>
  <c r="O14" i="18"/>
  <c r="P14" i="18"/>
  <c r="Q14" i="18"/>
  <c r="R14" i="18"/>
  <c r="S14" i="18"/>
  <c r="T14" i="18"/>
  <c r="U14" i="18"/>
  <c r="V14" i="18"/>
  <c r="W14" i="18"/>
  <c r="D15" i="18"/>
  <c r="E15" i="18"/>
  <c r="F15" i="18"/>
  <c r="G15" i="18"/>
  <c r="H15" i="18"/>
  <c r="I15" i="18"/>
  <c r="J15" i="18"/>
  <c r="K15" i="18"/>
  <c r="L15" i="18"/>
  <c r="M15" i="18"/>
  <c r="N15" i="18"/>
  <c r="O15" i="18"/>
  <c r="P15" i="18"/>
  <c r="Q15" i="18"/>
  <c r="R15" i="18"/>
  <c r="S15" i="18"/>
  <c r="T15" i="18"/>
  <c r="U15" i="18"/>
  <c r="V15" i="18"/>
  <c r="W15" i="18"/>
  <c r="D16" i="18"/>
  <c r="E16" i="18"/>
  <c r="F16" i="18"/>
  <c r="G16" i="18"/>
  <c r="H16" i="18"/>
  <c r="I16" i="18"/>
  <c r="J16" i="18"/>
  <c r="K16" i="18"/>
  <c r="L16" i="18"/>
  <c r="M16" i="18"/>
  <c r="N16" i="18"/>
  <c r="O16" i="18"/>
  <c r="P16" i="18"/>
  <c r="Q16" i="18"/>
  <c r="R16" i="18"/>
  <c r="S16" i="18"/>
  <c r="T16" i="18"/>
  <c r="U16" i="18"/>
  <c r="V16" i="18"/>
  <c r="W16" i="18"/>
  <c r="D17" i="18"/>
  <c r="E17" i="18"/>
  <c r="F17" i="18"/>
  <c r="G17" i="18"/>
  <c r="H17" i="18"/>
  <c r="I17" i="18"/>
  <c r="J17" i="18"/>
  <c r="K17" i="18"/>
  <c r="L17" i="18"/>
  <c r="M17" i="18"/>
  <c r="N17" i="18"/>
  <c r="O17" i="18"/>
  <c r="P17" i="18"/>
  <c r="Q17" i="18"/>
  <c r="R17" i="18"/>
  <c r="S17" i="18"/>
  <c r="T17" i="18"/>
  <c r="U17" i="18"/>
  <c r="V17" i="18"/>
  <c r="W17" i="18"/>
  <c r="E9" i="18"/>
  <c r="F9" i="18"/>
  <c r="G9" i="18"/>
  <c r="H9" i="18"/>
  <c r="I9" i="18"/>
  <c r="J9" i="18"/>
  <c r="K9" i="18"/>
  <c r="L9" i="18"/>
  <c r="M9" i="18"/>
  <c r="N9" i="18"/>
  <c r="O9" i="18"/>
  <c r="P9" i="18"/>
  <c r="Q9" i="18"/>
  <c r="R9" i="18"/>
  <c r="S9" i="18"/>
  <c r="T9" i="18"/>
  <c r="U9" i="18"/>
  <c r="V9" i="18"/>
  <c r="W9" i="18"/>
  <c r="D9" i="18"/>
  <c r="D6" i="18"/>
  <c r="F6" i="18"/>
  <c r="H6" i="18"/>
  <c r="J6" i="18"/>
  <c r="L6" i="18"/>
  <c r="N6" i="18"/>
  <c r="P6" i="18"/>
  <c r="R6" i="18"/>
  <c r="T6" i="18"/>
  <c r="V6" i="18"/>
  <c r="D7" i="18"/>
  <c r="F7" i="18"/>
  <c r="H7" i="18"/>
  <c r="J7" i="18"/>
  <c r="L7" i="18"/>
  <c r="N7" i="18"/>
  <c r="P7" i="18"/>
  <c r="R7" i="18"/>
  <c r="T7" i="18"/>
  <c r="V7" i="18"/>
  <c r="D8" i="18"/>
  <c r="F8" i="18"/>
  <c r="H8" i="18"/>
  <c r="J8" i="18"/>
  <c r="L8" i="18"/>
  <c r="N8" i="18"/>
  <c r="P8" i="18"/>
  <c r="R8" i="18"/>
  <c r="T8" i="18"/>
  <c r="V8" i="18"/>
  <c r="F5" i="18"/>
  <c r="H5" i="18"/>
  <c r="J5" i="18"/>
  <c r="L5" i="18"/>
  <c r="N5" i="18"/>
  <c r="P5" i="18"/>
  <c r="R5" i="18"/>
  <c r="T5" i="18"/>
  <c r="V5" i="18"/>
  <c r="D5" i="18"/>
  <c r="C19" i="18"/>
  <c r="C20" i="18"/>
  <c r="C21" i="18"/>
  <c r="C22" i="18"/>
  <c r="C23" i="18"/>
  <c r="C24" i="18"/>
  <c r="C25" i="18"/>
  <c r="C26" i="18"/>
  <c r="C27" i="18"/>
  <c r="C28" i="18"/>
  <c r="C29" i="18"/>
  <c r="C30" i="18"/>
  <c r="C31" i="18"/>
  <c r="C32" i="18"/>
  <c r="C18" i="18"/>
  <c r="C10" i="18"/>
  <c r="C11" i="18"/>
  <c r="C12" i="18"/>
  <c r="C13" i="18"/>
  <c r="C14" i="18"/>
  <c r="C15" i="18"/>
  <c r="C16" i="18"/>
  <c r="C17" i="18"/>
  <c r="C9" i="18"/>
  <c r="C6" i="18"/>
  <c r="C7" i="18"/>
  <c r="C8" i="18"/>
  <c r="C5" i="18"/>
  <c r="D3" i="18"/>
  <c r="D2" i="18"/>
  <c r="D18" i="17"/>
  <c r="F18" i="17"/>
  <c r="H18" i="17"/>
  <c r="J18" i="17"/>
  <c r="L18" i="17"/>
  <c r="N18" i="17"/>
  <c r="P18" i="17"/>
  <c r="R18" i="17"/>
  <c r="T18" i="17"/>
  <c r="V18" i="17"/>
  <c r="X18" i="17"/>
  <c r="Z18" i="17"/>
  <c r="AB18" i="17"/>
  <c r="AD18" i="17"/>
  <c r="AF18" i="17"/>
  <c r="AH18" i="17"/>
  <c r="AJ18" i="17"/>
  <c r="AL18" i="17"/>
  <c r="AN18" i="17"/>
  <c r="AP18" i="17"/>
  <c r="D19" i="17"/>
  <c r="F19" i="17"/>
  <c r="H19" i="17"/>
  <c r="J19" i="17"/>
  <c r="L19" i="17"/>
  <c r="N19" i="17"/>
  <c r="P19" i="17"/>
  <c r="R19" i="17"/>
  <c r="T19" i="17"/>
  <c r="V19" i="17"/>
  <c r="X19" i="17"/>
  <c r="Z19" i="17"/>
  <c r="AB19" i="17"/>
  <c r="AD19" i="17"/>
  <c r="AF19" i="17"/>
  <c r="AH19" i="17"/>
  <c r="AJ19" i="17"/>
  <c r="AL19" i="17"/>
  <c r="AN19" i="17"/>
  <c r="AP19" i="17"/>
  <c r="D20" i="17"/>
  <c r="F20" i="17"/>
  <c r="H20" i="17"/>
  <c r="J20" i="17"/>
  <c r="L20" i="17"/>
  <c r="N20" i="17"/>
  <c r="P20" i="17"/>
  <c r="R20" i="17"/>
  <c r="T20" i="17"/>
  <c r="V20" i="17"/>
  <c r="X20" i="17"/>
  <c r="Z20" i="17"/>
  <c r="AB20" i="17"/>
  <c r="AD20" i="17"/>
  <c r="AF20" i="17"/>
  <c r="AH20" i="17"/>
  <c r="AJ20" i="17"/>
  <c r="AL20" i="17"/>
  <c r="AN20" i="17"/>
  <c r="AP20" i="17"/>
  <c r="D21" i="17"/>
  <c r="F21" i="17"/>
  <c r="H21" i="17"/>
  <c r="J21" i="17"/>
  <c r="L21" i="17"/>
  <c r="N21" i="17"/>
  <c r="P21" i="17"/>
  <c r="R21" i="17"/>
  <c r="T21" i="17"/>
  <c r="V21" i="17"/>
  <c r="X21" i="17"/>
  <c r="Z21" i="17"/>
  <c r="AB21" i="17"/>
  <c r="AD21" i="17"/>
  <c r="AF21" i="17"/>
  <c r="AH21" i="17"/>
  <c r="AJ21" i="17"/>
  <c r="AL21" i="17"/>
  <c r="AN21" i="17"/>
  <c r="AP21" i="17"/>
  <c r="D22" i="17"/>
  <c r="F22" i="17"/>
  <c r="H22" i="17"/>
  <c r="J22" i="17"/>
  <c r="L22" i="17"/>
  <c r="N22" i="17"/>
  <c r="P22" i="17"/>
  <c r="R22" i="17"/>
  <c r="T22" i="17"/>
  <c r="V22" i="17"/>
  <c r="X22" i="17"/>
  <c r="Z22" i="17"/>
  <c r="AB22" i="17"/>
  <c r="AD22" i="17"/>
  <c r="AF22" i="17"/>
  <c r="AH22" i="17"/>
  <c r="AJ22" i="17"/>
  <c r="AL22" i="17"/>
  <c r="AN22" i="17"/>
  <c r="AP22" i="17"/>
  <c r="D23" i="17"/>
  <c r="F23" i="17"/>
  <c r="H23" i="17"/>
  <c r="J23" i="17"/>
  <c r="L23" i="17"/>
  <c r="N23" i="17"/>
  <c r="P23" i="17"/>
  <c r="R23" i="17"/>
  <c r="T23" i="17"/>
  <c r="V23" i="17"/>
  <c r="X23" i="17"/>
  <c r="Z23" i="17"/>
  <c r="AB23" i="17"/>
  <c r="AD23" i="17"/>
  <c r="AF23" i="17"/>
  <c r="AH23" i="17"/>
  <c r="AJ23" i="17"/>
  <c r="AL23" i="17"/>
  <c r="AN23" i="17"/>
  <c r="AP23" i="17"/>
  <c r="D24" i="17"/>
  <c r="F24" i="17"/>
  <c r="H24" i="17"/>
  <c r="J24" i="17"/>
  <c r="L24" i="17"/>
  <c r="N24" i="17"/>
  <c r="P24" i="17"/>
  <c r="R24" i="17"/>
  <c r="T24" i="17"/>
  <c r="V24" i="17"/>
  <c r="X24" i="17"/>
  <c r="Z24" i="17"/>
  <c r="AB24" i="17"/>
  <c r="AD24" i="17"/>
  <c r="AF24" i="17"/>
  <c r="AH24" i="17"/>
  <c r="AJ24" i="17"/>
  <c r="AL24" i="17"/>
  <c r="AN24" i="17"/>
  <c r="AP24" i="17"/>
  <c r="D25" i="17"/>
  <c r="F25" i="17"/>
  <c r="H25" i="17"/>
  <c r="J25" i="17"/>
  <c r="L25" i="17"/>
  <c r="N25" i="17"/>
  <c r="P25" i="17"/>
  <c r="R25" i="17"/>
  <c r="T25" i="17"/>
  <c r="V25" i="17"/>
  <c r="X25" i="17"/>
  <c r="Z25" i="17"/>
  <c r="AB25" i="17"/>
  <c r="AD25" i="17"/>
  <c r="AF25" i="17"/>
  <c r="AH25" i="17"/>
  <c r="AJ25" i="17"/>
  <c r="AL25" i="17"/>
  <c r="AN25" i="17"/>
  <c r="AP25" i="17"/>
  <c r="D26" i="17"/>
  <c r="F26" i="17"/>
  <c r="H26" i="17"/>
  <c r="J26" i="17"/>
  <c r="L26" i="17"/>
  <c r="N26" i="17"/>
  <c r="P26" i="17"/>
  <c r="R26" i="17"/>
  <c r="T26" i="17"/>
  <c r="V26" i="17"/>
  <c r="X26" i="17"/>
  <c r="Z26" i="17"/>
  <c r="AB26" i="17"/>
  <c r="AD26" i="17"/>
  <c r="AF26" i="17"/>
  <c r="AH26" i="17"/>
  <c r="AJ26" i="17"/>
  <c r="AL26" i="17"/>
  <c r="AN26" i="17"/>
  <c r="AP26" i="17"/>
  <c r="D27" i="17"/>
  <c r="F27" i="17"/>
  <c r="H27" i="17"/>
  <c r="J27" i="17"/>
  <c r="L27" i="17"/>
  <c r="N27" i="17"/>
  <c r="P27" i="17"/>
  <c r="R27" i="17"/>
  <c r="T27" i="17"/>
  <c r="V27" i="17"/>
  <c r="X27" i="17"/>
  <c r="Z27" i="17"/>
  <c r="AB27" i="17"/>
  <c r="AD27" i="17"/>
  <c r="AF27" i="17"/>
  <c r="AH27" i="17"/>
  <c r="AJ27" i="17"/>
  <c r="AL27" i="17"/>
  <c r="AN27" i="17"/>
  <c r="AP27" i="17"/>
  <c r="D28" i="17"/>
  <c r="F28" i="17"/>
  <c r="H28" i="17"/>
  <c r="J28" i="17"/>
  <c r="L28" i="17"/>
  <c r="N28" i="17"/>
  <c r="P28" i="17"/>
  <c r="R28" i="17"/>
  <c r="T28" i="17"/>
  <c r="V28" i="17"/>
  <c r="X28" i="17"/>
  <c r="Z28" i="17"/>
  <c r="AB28" i="17"/>
  <c r="AD28" i="17"/>
  <c r="AF28" i="17"/>
  <c r="AH28" i="17"/>
  <c r="AJ28" i="17"/>
  <c r="AL28" i="17"/>
  <c r="AN28" i="17"/>
  <c r="AP28" i="17"/>
  <c r="D29" i="17"/>
  <c r="F29" i="17"/>
  <c r="H29" i="17"/>
  <c r="J29" i="17"/>
  <c r="L29" i="17"/>
  <c r="N29" i="17"/>
  <c r="P29" i="17"/>
  <c r="R29" i="17"/>
  <c r="T29" i="17"/>
  <c r="V29" i="17"/>
  <c r="X29" i="17"/>
  <c r="Z29" i="17"/>
  <c r="AB29" i="17"/>
  <c r="AD29" i="17"/>
  <c r="AF29" i="17"/>
  <c r="AH29" i="17"/>
  <c r="AJ29" i="17"/>
  <c r="AL29" i="17"/>
  <c r="AN29" i="17"/>
  <c r="AP29" i="17"/>
  <c r="D30" i="17"/>
  <c r="F30" i="17"/>
  <c r="H30" i="17"/>
  <c r="J30" i="17"/>
  <c r="L30" i="17"/>
  <c r="N30" i="17"/>
  <c r="P30" i="17"/>
  <c r="R30" i="17"/>
  <c r="T30" i="17"/>
  <c r="V30" i="17"/>
  <c r="X30" i="17"/>
  <c r="Z30" i="17"/>
  <c r="AB30" i="17"/>
  <c r="AD30" i="17"/>
  <c r="AF30" i="17"/>
  <c r="AH30" i="17"/>
  <c r="AJ30" i="17"/>
  <c r="AL30" i="17"/>
  <c r="AN30" i="17"/>
  <c r="AP30" i="17"/>
  <c r="D31" i="17"/>
  <c r="F31" i="17"/>
  <c r="H31" i="17"/>
  <c r="J31" i="17"/>
  <c r="L31" i="17"/>
  <c r="N31" i="17"/>
  <c r="P31" i="17"/>
  <c r="R31" i="17"/>
  <c r="T31" i="17"/>
  <c r="V31" i="17"/>
  <c r="X31" i="17"/>
  <c r="Z31" i="17"/>
  <c r="AB31" i="17"/>
  <c r="AD31" i="17"/>
  <c r="AF31" i="17"/>
  <c r="AH31" i="17"/>
  <c r="AJ31" i="17"/>
  <c r="AL31" i="17"/>
  <c r="AN31" i="17"/>
  <c r="AP31" i="17"/>
  <c r="F17" i="17"/>
  <c r="H17" i="17"/>
  <c r="J17" i="17"/>
  <c r="L17" i="17"/>
  <c r="N17" i="17"/>
  <c r="P17" i="17"/>
  <c r="R17" i="17"/>
  <c r="T17" i="17"/>
  <c r="V17" i="17"/>
  <c r="X17" i="17"/>
  <c r="Z17" i="17"/>
  <c r="AB17" i="17"/>
  <c r="AD17" i="17"/>
  <c r="AF17" i="17"/>
  <c r="AH17" i="17"/>
  <c r="AJ17" i="17"/>
  <c r="AL17" i="17"/>
  <c r="AN17" i="17"/>
  <c r="AP17" i="17"/>
  <c r="D17" i="17"/>
  <c r="D10" i="17"/>
  <c r="E10" i="17"/>
  <c r="F10" i="17"/>
  <c r="G10" i="17"/>
  <c r="H10" i="17"/>
  <c r="I10" i="17"/>
  <c r="J10" i="17"/>
  <c r="K10" i="17"/>
  <c r="L10" i="17"/>
  <c r="M10" i="17"/>
  <c r="N10" i="17"/>
  <c r="O10" i="17"/>
  <c r="P10" i="17"/>
  <c r="Q10" i="17"/>
  <c r="R10" i="17"/>
  <c r="S10" i="17"/>
  <c r="T10" i="17"/>
  <c r="U10" i="17"/>
  <c r="V10" i="17"/>
  <c r="W10" i="17"/>
  <c r="X10" i="17"/>
  <c r="Y10" i="17"/>
  <c r="Z10" i="17"/>
  <c r="AA10" i="17"/>
  <c r="AB10" i="17"/>
  <c r="AC10" i="17"/>
  <c r="AD10" i="17"/>
  <c r="AE10" i="17"/>
  <c r="AF10" i="17"/>
  <c r="AG10" i="17"/>
  <c r="AH10" i="17"/>
  <c r="AI10" i="17"/>
  <c r="AJ10" i="17"/>
  <c r="AK10" i="17"/>
  <c r="AL10" i="17"/>
  <c r="AM10" i="17"/>
  <c r="AN10" i="17"/>
  <c r="AO10" i="17"/>
  <c r="AP10" i="17"/>
  <c r="AQ10" i="17"/>
  <c r="D11" i="17"/>
  <c r="E11" i="17"/>
  <c r="F11" i="17"/>
  <c r="G11" i="17"/>
  <c r="H11" i="17"/>
  <c r="I11" i="17"/>
  <c r="J11" i="17"/>
  <c r="K11" i="17"/>
  <c r="L11" i="17"/>
  <c r="M11" i="17"/>
  <c r="N11" i="17"/>
  <c r="O11" i="17"/>
  <c r="P11" i="17"/>
  <c r="Q11" i="17"/>
  <c r="R11" i="17"/>
  <c r="S11" i="17"/>
  <c r="T11" i="17"/>
  <c r="U11" i="17"/>
  <c r="V11" i="17"/>
  <c r="W11" i="17"/>
  <c r="X11" i="17"/>
  <c r="Y11" i="17"/>
  <c r="Z11" i="17"/>
  <c r="AA11" i="17"/>
  <c r="AB11" i="17"/>
  <c r="AC11" i="17"/>
  <c r="AD11" i="17"/>
  <c r="AE11" i="17"/>
  <c r="AF11" i="17"/>
  <c r="AG11" i="17"/>
  <c r="AH11" i="17"/>
  <c r="AI11" i="17"/>
  <c r="AJ11" i="17"/>
  <c r="AK11" i="17"/>
  <c r="AL11" i="17"/>
  <c r="AM11" i="17"/>
  <c r="AN11" i="17"/>
  <c r="AO11" i="17"/>
  <c r="AP11" i="17"/>
  <c r="AQ11" i="17"/>
  <c r="D12" i="17"/>
  <c r="E12" i="17"/>
  <c r="F12" i="17"/>
  <c r="G12" i="17"/>
  <c r="H12" i="17"/>
  <c r="I12" i="17"/>
  <c r="J12" i="17"/>
  <c r="K12" i="17"/>
  <c r="L12" i="17"/>
  <c r="M12" i="17"/>
  <c r="N12" i="17"/>
  <c r="O12" i="17"/>
  <c r="P12" i="17"/>
  <c r="Q12" i="17"/>
  <c r="R12" i="17"/>
  <c r="S12" i="17"/>
  <c r="T12" i="17"/>
  <c r="U12" i="17"/>
  <c r="V12" i="17"/>
  <c r="W12" i="17"/>
  <c r="X12" i="17"/>
  <c r="Y12" i="17"/>
  <c r="Z12" i="17"/>
  <c r="AA12" i="17"/>
  <c r="AB12" i="17"/>
  <c r="AC12" i="17"/>
  <c r="AD12" i="17"/>
  <c r="AE12" i="17"/>
  <c r="AF12" i="17"/>
  <c r="AG12" i="17"/>
  <c r="AH12" i="17"/>
  <c r="AI12" i="17"/>
  <c r="AJ12" i="17"/>
  <c r="AK12" i="17"/>
  <c r="AL12" i="17"/>
  <c r="AM12" i="17"/>
  <c r="AN12" i="17"/>
  <c r="AO12" i="17"/>
  <c r="AP12" i="17"/>
  <c r="AQ12" i="17"/>
  <c r="D13" i="17"/>
  <c r="E13" i="17"/>
  <c r="F13" i="17"/>
  <c r="G13" i="17"/>
  <c r="H13" i="17"/>
  <c r="I13" i="17"/>
  <c r="J13" i="17"/>
  <c r="K13" i="17"/>
  <c r="L13" i="17"/>
  <c r="M13" i="17"/>
  <c r="N13" i="17"/>
  <c r="O13" i="17"/>
  <c r="P13" i="17"/>
  <c r="Q13" i="17"/>
  <c r="R13" i="17"/>
  <c r="S13" i="17"/>
  <c r="T13" i="17"/>
  <c r="U13" i="17"/>
  <c r="V13" i="17"/>
  <c r="W13" i="17"/>
  <c r="X13" i="17"/>
  <c r="Y13" i="17"/>
  <c r="Z13" i="17"/>
  <c r="AA13" i="17"/>
  <c r="AB13" i="17"/>
  <c r="AC13" i="17"/>
  <c r="AD13" i="17"/>
  <c r="AE13" i="17"/>
  <c r="AF13" i="17"/>
  <c r="AG13" i="17"/>
  <c r="AH13" i="17"/>
  <c r="AI13" i="17"/>
  <c r="AJ13" i="17"/>
  <c r="AK13" i="17"/>
  <c r="AL13" i="17"/>
  <c r="AM13" i="17"/>
  <c r="AN13" i="17"/>
  <c r="AO13" i="17"/>
  <c r="AP13" i="17"/>
  <c r="AQ13" i="17"/>
  <c r="D14" i="17"/>
  <c r="E14" i="17"/>
  <c r="F14" i="17"/>
  <c r="G14" i="17"/>
  <c r="H14" i="17"/>
  <c r="I14" i="17"/>
  <c r="J14" i="17"/>
  <c r="K14" i="17"/>
  <c r="L14" i="17"/>
  <c r="M14" i="17"/>
  <c r="N14" i="17"/>
  <c r="O14" i="17"/>
  <c r="P14" i="17"/>
  <c r="Q14" i="17"/>
  <c r="R14" i="17"/>
  <c r="S14" i="17"/>
  <c r="T14" i="17"/>
  <c r="U14" i="17"/>
  <c r="V14" i="17"/>
  <c r="W14" i="17"/>
  <c r="X14" i="17"/>
  <c r="Y14" i="17"/>
  <c r="Z14" i="17"/>
  <c r="AA14" i="17"/>
  <c r="AB14" i="17"/>
  <c r="AC14" i="17"/>
  <c r="AD14" i="17"/>
  <c r="AE14" i="17"/>
  <c r="AF14" i="17"/>
  <c r="AG14" i="17"/>
  <c r="AH14" i="17"/>
  <c r="AI14" i="17"/>
  <c r="AJ14" i="17"/>
  <c r="AK14" i="17"/>
  <c r="AL14" i="17"/>
  <c r="AM14" i="17"/>
  <c r="AN14" i="17"/>
  <c r="AO14" i="17"/>
  <c r="AP14" i="17"/>
  <c r="AQ14" i="17"/>
  <c r="D15" i="17"/>
  <c r="E15" i="17"/>
  <c r="F15" i="17"/>
  <c r="G15" i="17"/>
  <c r="H15" i="17"/>
  <c r="I15" i="17"/>
  <c r="J15" i="17"/>
  <c r="K15" i="17"/>
  <c r="L15" i="17"/>
  <c r="M15" i="17"/>
  <c r="N15" i="17"/>
  <c r="O15" i="17"/>
  <c r="P15" i="17"/>
  <c r="Q15" i="17"/>
  <c r="R15" i="17"/>
  <c r="S15" i="17"/>
  <c r="T15" i="17"/>
  <c r="U15" i="17"/>
  <c r="V15" i="17"/>
  <c r="W15" i="17"/>
  <c r="X15" i="17"/>
  <c r="Y15" i="17"/>
  <c r="Z15" i="17"/>
  <c r="AA15" i="17"/>
  <c r="AB15" i="17"/>
  <c r="AC15" i="17"/>
  <c r="AD15" i="17"/>
  <c r="AE15" i="17"/>
  <c r="AF15" i="17"/>
  <c r="AG15" i="17"/>
  <c r="AH15" i="17"/>
  <c r="AI15" i="17"/>
  <c r="AJ15" i="17"/>
  <c r="AK15" i="17"/>
  <c r="AL15" i="17"/>
  <c r="AM15" i="17"/>
  <c r="AN15" i="17"/>
  <c r="AO15" i="17"/>
  <c r="AP15" i="17"/>
  <c r="AQ15" i="17"/>
  <c r="D16" i="17"/>
  <c r="E16" i="17"/>
  <c r="F16" i="17"/>
  <c r="G16" i="17"/>
  <c r="H16" i="17"/>
  <c r="I16" i="17"/>
  <c r="J16" i="17"/>
  <c r="K16" i="17"/>
  <c r="L16" i="17"/>
  <c r="M16" i="17"/>
  <c r="N16" i="17"/>
  <c r="O16" i="17"/>
  <c r="P16" i="17"/>
  <c r="Q16" i="17"/>
  <c r="R16" i="17"/>
  <c r="S16" i="17"/>
  <c r="T16" i="17"/>
  <c r="U16" i="17"/>
  <c r="V16" i="17"/>
  <c r="W16" i="17"/>
  <c r="X16" i="17"/>
  <c r="Y16" i="17"/>
  <c r="Z16" i="17"/>
  <c r="AA16" i="17"/>
  <c r="AB16" i="17"/>
  <c r="AC16" i="17"/>
  <c r="AD16" i="17"/>
  <c r="AE16" i="17"/>
  <c r="AF16" i="17"/>
  <c r="AG16" i="17"/>
  <c r="AH16" i="17"/>
  <c r="AI16" i="17"/>
  <c r="AJ16" i="17"/>
  <c r="AK16" i="17"/>
  <c r="AL16" i="17"/>
  <c r="AM16" i="17"/>
  <c r="AN16" i="17"/>
  <c r="AO16" i="17"/>
  <c r="AP16" i="17"/>
  <c r="AQ16" i="17"/>
  <c r="E9" i="17"/>
  <c r="F9" i="17"/>
  <c r="G9" i="17"/>
  <c r="H9" i="17"/>
  <c r="I9" i="17"/>
  <c r="J9" i="17"/>
  <c r="K9" i="17"/>
  <c r="L9" i="17"/>
  <c r="M9" i="17"/>
  <c r="N9" i="17"/>
  <c r="O9" i="17"/>
  <c r="P9" i="17"/>
  <c r="Q9" i="17"/>
  <c r="R9" i="17"/>
  <c r="S9" i="17"/>
  <c r="T9" i="17"/>
  <c r="U9" i="17"/>
  <c r="V9" i="17"/>
  <c r="W9" i="17"/>
  <c r="X9" i="17"/>
  <c r="Y9" i="17"/>
  <c r="Z9" i="17"/>
  <c r="AA9" i="17"/>
  <c r="AB9" i="17"/>
  <c r="AC9" i="17"/>
  <c r="AD9" i="17"/>
  <c r="AE9" i="17"/>
  <c r="AF9" i="17"/>
  <c r="AG9" i="17"/>
  <c r="AH9" i="17"/>
  <c r="AI9" i="17"/>
  <c r="AJ9" i="17"/>
  <c r="AK9" i="17"/>
  <c r="AL9" i="17"/>
  <c r="AM9" i="17"/>
  <c r="AN9" i="17"/>
  <c r="AO9" i="17"/>
  <c r="AP9" i="17"/>
  <c r="AQ9" i="17"/>
  <c r="D9" i="17"/>
  <c r="D6" i="17"/>
  <c r="F6" i="17"/>
  <c r="H6" i="17"/>
  <c r="J6" i="17"/>
  <c r="L6" i="17"/>
  <c r="N6" i="17"/>
  <c r="P6" i="17"/>
  <c r="R6" i="17"/>
  <c r="T6" i="17"/>
  <c r="V6" i="17"/>
  <c r="X6" i="17"/>
  <c r="Z6" i="17"/>
  <c r="AB6" i="17"/>
  <c r="AD6" i="17"/>
  <c r="AF6" i="17"/>
  <c r="AH6" i="17"/>
  <c r="AJ6" i="17"/>
  <c r="AL6" i="17"/>
  <c r="AN6" i="17"/>
  <c r="AP6" i="17"/>
  <c r="D7" i="17"/>
  <c r="F7" i="17"/>
  <c r="H7" i="17"/>
  <c r="J7" i="17"/>
  <c r="L7" i="17"/>
  <c r="N7" i="17"/>
  <c r="P7" i="17"/>
  <c r="R7" i="17"/>
  <c r="T7" i="17"/>
  <c r="V7" i="17"/>
  <c r="X7" i="17"/>
  <c r="Z7" i="17"/>
  <c r="AB7" i="17"/>
  <c r="AD7" i="17"/>
  <c r="AF7" i="17"/>
  <c r="AH7" i="17"/>
  <c r="AJ7" i="17"/>
  <c r="AL7" i="17"/>
  <c r="AN7" i="17"/>
  <c r="AP7" i="17"/>
  <c r="D8" i="17"/>
  <c r="F8" i="17"/>
  <c r="H8" i="17"/>
  <c r="J8" i="17"/>
  <c r="L8" i="17"/>
  <c r="N8" i="17"/>
  <c r="P8" i="17"/>
  <c r="R8" i="17"/>
  <c r="T8" i="17"/>
  <c r="V8" i="17"/>
  <c r="X8" i="17"/>
  <c r="Z8" i="17"/>
  <c r="AB8" i="17"/>
  <c r="AD8" i="17"/>
  <c r="AF8" i="17"/>
  <c r="AH8" i="17"/>
  <c r="AJ8" i="17"/>
  <c r="AL8" i="17"/>
  <c r="AN8" i="17"/>
  <c r="AP8" i="17"/>
  <c r="F5" i="17"/>
  <c r="H5" i="17"/>
  <c r="J5" i="17"/>
  <c r="L5" i="17"/>
  <c r="N5" i="17"/>
  <c r="P5" i="17"/>
  <c r="R5" i="17"/>
  <c r="T5" i="17"/>
  <c r="V5" i="17"/>
  <c r="X5" i="17"/>
  <c r="Z5" i="17"/>
  <c r="AB5" i="17"/>
  <c r="AD5" i="17"/>
  <c r="AF5" i="17"/>
  <c r="AH5" i="17"/>
  <c r="AJ5" i="17"/>
  <c r="AL5" i="17"/>
  <c r="AN5" i="17"/>
  <c r="AP5" i="17"/>
  <c r="D5" i="17"/>
  <c r="C18" i="17"/>
  <c r="C19" i="17"/>
  <c r="C20" i="17"/>
  <c r="C21" i="17"/>
  <c r="C22" i="17"/>
  <c r="C23" i="17"/>
  <c r="C24" i="17"/>
  <c r="C25" i="17"/>
  <c r="C26" i="17"/>
  <c r="C27" i="17"/>
  <c r="C28" i="17"/>
  <c r="C29" i="17"/>
  <c r="C30" i="17"/>
  <c r="C31" i="17"/>
  <c r="C17" i="17"/>
  <c r="C10" i="17"/>
  <c r="C11" i="17"/>
  <c r="C12" i="17"/>
  <c r="C13" i="17"/>
  <c r="C14" i="17"/>
  <c r="C15" i="17"/>
  <c r="C16" i="17"/>
  <c r="C9" i="17"/>
  <c r="C6" i="17"/>
  <c r="C7" i="17"/>
  <c r="C8" i="17"/>
  <c r="C5" i="17"/>
  <c r="D3" i="17"/>
  <c r="X3" i="17"/>
  <c r="X2" i="17"/>
  <c r="D2" i="17"/>
  <c r="D18" i="1" l="1"/>
  <c r="F18" i="1"/>
  <c r="H18" i="1"/>
  <c r="J18" i="1"/>
  <c r="L18" i="1"/>
  <c r="N18" i="1"/>
  <c r="P18" i="1"/>
  <c r="R18" i="1"/>
  <c r="T18" i="1"/>
  <c r="V18" i="1"/>
  <c r="X18" i="1"/>
  <c r="Z18" i="1"/>
  <c r="AB18" i="1"/>
  <c r="AD18" i="1"/>
  <c r="AF18" i="1"/>
  <c r="AH18" i="1"/>
  <c r="AJ18" i="1"/>
  <c r="AL18" i="1"/>
  <c r="AN18" i="1"/>
  <c r="AP18" i="1"/>
  <c r="D19" i="1"/>
  <c r="F19" i="1"/>
  <c r="H19" i="1"/>
  <c r="J19" i="1"/>
  <c r="L19" i="1"/>
  <c r="N19" i="1"/>
  <c r="P19" i="1"/>
  <c r="R19" i="1"/>
  <c r="T19" i="1"/>
  <c r="V19" i="1"/>
  <c r="X19" i="1"/>
  <c r="Z19" i="1"/>
  <c r="AB19" i="1"/>
  <c r="AD19" i="1"/>
  <c r="AF19" i="1"/>
  <c r="AH19" i="1"/>
  <c r="AJ19" i="1"/>
  <c r="AL19" i="1"/>
  <c r="AN19" i="1"/>
  <c r="AP19" i="1"/>
  <c r="D20" i="1"/>
  <c r="F20" i="1"/>
  <c r="H20" i="1"/>
  <c r="J20" i="1"/>
  <c r="L20" i="1"/>
  <c r="N20" i="1"/>
  <c r="P20" i="1"/>
  <c r="R20" i="1"/>
  <c r="T20" i="1"/>
  <c r="V20" i="1"/>
  <c r="X20" i="1"/>
  <c r="Z20" i="1"/>
  <c r="AB20" i="1"/>
  <c r="AD20" i="1"/>
  <c r="AF20" i="1"/>
  <c r="AH20" i="1"/>
  <c r="AJ20" i="1"/>
  <c r="AL20" i="1"/>
  <c r="AN20" i="1"/>
  <c r="AP20" i="1"/>
  <c r="D21" i="1"/>
  <c r="F21" i="1"/>
  <c r="H21" i="1"/>
  <c r="J21" i="1"/>
  <c r="L21" i="1"/>
  <c r="N21" i="1"/>
  <c r="P21" i="1"/>
  <c r="R21" i="1"/>
  <c r="T21" i="1"/>
  <c r="V21" i="1"/>
  <c r="X21" i="1"/>
  <c r="Z21" i="1"/>
  <c r="AB21" i="1"/>
  <c r="AD21" i="1"/>
  <c r="AF21" i="1"/>
  <c r="AH21" i="1"/>
  <c r="AJ21" i="1"/>
  <c r="AL21" i="1"/>
  <c r="AN21" i="1"/>
  <c r="AP21" i="1"/>
  <c r="D22" i="1"/>
  <c r="F22" i="1"/>
  <c r="H22" i="1"/>
  <c r="J22" i="1"/>
  <c r="L22" i="1"/>
  <c r="N22" i="1"/>
  <c r="P22" i="1"/>
  <c r="R22" i="1"/>
  <c r="T22" i="1"/>
  <c r="V22" i="1"/>
  <c r="X22" i="1"/>
  <c r="Z22" i="1"/>
  <c r="AB22" i="1"/>
  <c r="AD22" i="1"/>
  <c r="AF22" i="1"/>
  <c r="AH22" i="1"/>
  <c r="AJ22" i="1"/>
  <c r="AL22" i="1"/>
  <c r="AN22" i="1"/>
  <c r="AP22" i="1"/>
  <c r="D23" i="1"/>
  <c r="F23" i="1"/>
  <c r="H23" i="1"/>
  <c r="J23" i="1"/>
  <c r="L23" i="1"/>
  <c r="N23" i="1"/>
  <c r="P23" i="1"/>
  <c r="R23" i="1"/>
  <c r="T23" i="1"/>
  <c r="V23" i="1"/>
  <c r="X23" i="1"/>
  <c r="Z23" i="1"/>
  <c r="AB23" i="1"/>
  <c r="AD23" i="1"/>
  <c r="AF23" i="1"/>
  <c r="AH23" i="1"/>
  <c r="AJ23" i="1"/>
  <c r="AL23" i="1"/>
  <c r="AN23" i="1"/>
  <c r="AP23" i="1"/>
  <c r="D24" i="1"/>
  <c r="F24" i="1"/>
  <c r="H24" i="1"/>
  <c r="J24" i="1"/>
  <c r="L24" i="1"/>
  <c r="N24" i="1"/>
  <c r="P24" i="1"/>
  <c r="R24" i="1"/>
  <c r="T24" i="1"/>
  <c r="V24" i="1"/>
  <c r="X24" i="1"/>
  <c r="Z24" i="1"/>
  <c r="AB24" i="1"/>
  <c r="AD24" i="1"/>
  <c r="AF24" i="1"/>
  <c r="AH24" i="1"/>
  <c r="AJ24" i="1"/>
  <c r="AL24" i="1"/>
  <c r="AN24" i="1"/>
  <c r="AP24" i="1"/>
  <c r="D25" i="1"/>
  <c r="F25" i="1"/>
  <c r="H25" i="1"/>
  <c r="J25" i="1"/>
  <c r="L25" i="1"/>
  <c r="N25" i="1"/>
  <c r="P25" i="1"/>
  <c r="R25" i="1"/>
  <c r="T25" i="1"/>
  <c r="V25" i="1"/>
  <c r="X25" i="1"/>
  <c r="Z25" i="1"/>
  <c r="AB25" i="1"/>
  <c r="AD25" i="1"/>
  <c r="AF25" i="1"/>
  <c r="AH25" i="1"/>
  <c r="AJ25" i="1"/>
  <c r="AL25" i="1"/>
  <c r="AN25" i="1"/>
  <c r="AP25" i="1"/>
  <c r="D26" i="1"/>
  <c r="F26" i="1"/>
  <c r="H26" i="1"/>
  <c r="J26" i="1"/>
  <c r="L26" i="1"/>
  <c r="N26" i="1"/>
  <c r="P26" i="1"/>
  <c r="R26" i="1"/>
  <c r="T26" i="1"/>
  <c r="V26" i="1"/>
  <c r="X26" i="1"/>
  <c r="Z26" i="1"/>
  <c r="AB26" i="1"/>
  <c r="AD26" i="1"/>
  <c r="AF26" i="1"/>
  <c r="AH26" i="1"/>
  <c r="AJ26" i="1"/>
  <c r="AL26" i="1"/>
  <c r="AN26" i="1"/>
  <c r="AP26" i="1"/>
  <c r="D27" i="1"/>
  <c r="F27" i="1"/>
  <c r="H27" i="1"/>
  <c r="J27" i="1"/>
  <c r="L27" i="1"/>
  <c r="N27" i="1"/>
  <c r="P27" i="1"/>
  <c r="R27" i="1"/>
  <c r="T27" i="1"/>
  <c r="V27" i="1"/>
  <c r="X27" i="1"/>
  <c r="Z27" i="1"/>
  <c r="AB27" i="1"/>
  <c r="AD27" i="1"/>
  <c r="AF27" i="1"/>
  <c r="AH27" i="1"/>
  <c r="AJ27" i="1"/>
  <c r="AL27" i="1"/>
  <c r="AN27" i="1"/>
  <c r="AP27" i="1"/>
  <c r="D28" i="1"/>
  <c r="F28" i="1"/>
  <c r="H28" i="1"/>
  <c r="J28" i="1"/>
  <c r="L28" i="1"/>
  <c r="N28" i="1"/>
  <c r="P28" i="1"/>
  <c r="R28" i="1"/>
  <c r="T28" i="1"/>
  <c r="V28" i="1"/>
  <c r="X28" i="1"/>
  <c r="Z28" i="1"/>
  <c r="AB28" i="1"/>
  <c r="AD28" i="1"/>
  <c r="AF28" i="1"/>
  <c r="AH28" i="1"/>
  <c r="AJ28" i="1"/>
  <c r="AL28" i="1"/>
  <c r="AN28" i="1"/>
  <c r="AP28" i="1"/>
  <c r="D29" i="1"/>
  <c r="F29" i="1"/>
  <c r="H29" i="1"/>
  <c r="J29" i="1"/>
  <c r="L29" i="1"/>
  <c r="N29" i="1"/>
  <c r="P29" i="1"/>
  <c r="R29" i="1"/>
  <c r="T29" i="1"/>
  <c r="V29" i="1"/>
  <c r="X29" i="1"/>
  <c r="Z29" i="1"/>
  <c r="AB29" i="1"/>
  <c r="AD29" i="1"/>
  <c r="AF29" i="1"/>
  <c r="AH29" i="1"/>
  <c r="AJ29" i="1"/>
  <c r="AL29" i="1"/>
  <c r="AN29" i="1"/>
  <c r="AP29" i="1"/>
  <c r="D30" i="1"/>
  <c r="F30" i="1"/>
  <c r="H30" i="1"/>
  <c r="J30" i="1"/>
  <c r="L30" i="1"/>
  <c r="N30" i="1"/>
  <c r="P30" i="1"/>
  <c r="R30" i="1"/>
  <c r="T30" i="1"/>
  <c r="V30" i="1"/>
  <c r="X30" i="1"/>
  <c r="Z30" i="1"/>
  <c r="AB30" i="1"/>
  <c r="AD30" i="1"/>
  <c r="AF30" i="1"/>
  <c r="AH30" i="1"/>
  <c r="AJ30" i="1"/>
  <c r="AL30" i="1"/>
  <c r="AN30" i="1"/>
  <c r="AP30" i="1"/>
  <c r="D31" i="1"/>
  <c r="F31" i="1"/>
  <c r="H31" i="1"/>
  <c r="J31" i="1"/>
  <c r="L31" i="1"/>
  <c r="N31" i="1"/>
  <c r="P31" i="1"/>
  <c r="R31" i="1"/>
  <c r="T31" i="1"/>
  <c r="V31" i="1"/>
  <c r="X31" i="1"/>
  <c r="Z31" i="1"/>
  <c r="AB31" i="1"/>
  <c r="AD31" i="1"/>
  <c r="AF31" i="1"/>
  <c r="AH31" i="1"/>
  <c r="AJ31" i="1"/>
  <c r="AL31" i="1"/>
  <c r="AN31" i="1"/>
  <c r="AP31" i="1"/>
  <c r="F17" i="1"/>
  <c r="H17" i="1"/>
  <c r="J17" i="1"/>
  <c r="L17" i="1"/>
  <c r="N17" i="1"/>
  <c r="P17" i="1"/>
  <c r="R17" i="1"/>
  <c r="T17" i="1"/>
  <c r="V17" i="1"/>
  <c r="X17" i="1"/>
  <c r="Z17" i="1"/>
  <c r="AB17" i="1"/>
  <c r="AD17" i="1"/>
  <c r="AF17" i="1"/>
  <c r="AH17" i="1"/>
  <c r="AJ17" i="1"/>
  <c r="AL17" i="1"/>
  <c r="AN17" i="1"/>
  <c r="AP17" i="1"/>
  <c r="D17" i="1"/>
  <c r="D10" i="1"/>
  <c r="E10" i="1"/>
  <c r="F10" i="1"/>
  <c r="G10" i="1"/>
  <c r="H10" i="1"/>
  <c r="I10" i="1"/>
  <c r="J10" i="1"/>
  <c r="K10" i="1"/>
  <c r="L10" i="1"/>
  <c r="M10" i="1"/>
  <c r="N10" i="1"/>
  <c r="O10" i="1"/>
  <c r="P10" i="1"/>
  <c r="Q10" i="1"/>
  <c r="R10" i="1"/>
  <c r="S10" i="1"/>
  <c r="T10" i="1"/>
  <c r="U10" i="1"/>
  <c r="V10" i="1"/>
  <c r="W10" i="1"/>
  <c r="X10" i="1"/>
  <c r="Y10" i="1"/>
  <c r="Z10" i="1"/>
  <c r="AA10" i="1"/>
  <c r="AB10" i="1"/>
  <c r="AC10" i="1"/>
  <c r="AD10" i="1"/>
  <c r="AE10" i="1"/>
  <c r="AF10" i="1"/>
  <c r="AG10" i="1"/>
  <c r="AH10" i="1"/>
  <c r="AI10" i="1"/>
  <c r="AJ10" i="1"/>
  <c r="AK10" i="1"/>
  <c r="AL10" i="1"/>
  <c r="AM10" i="1"/>
  <c r="AN10" i="1"/>
  <c r="AO10" i="1"/>
  <c r="AP10" i="1"/>
  <c r="AQ10" i="1"/>
  <c r="D11" i="1"/>
  <c r="E11" i="1"/>
  <c r="F11" i="1"/>
  <c r="G11" i="1"/>
  <c r="H11" i="1"/>
  <c r="I11" i="1"/>
  <c r="J11" i="1"/>
  <c r="K11" i="1"/>
  <c r="L11" i="1"/>
  <c r="M11" i="1"/>
  <c r="N11" i="1"/>
  <c r="O11" i="1"/>
  <c r="P11" i="1"/>
  <c r="Q11" i="1"/>
  <c r="R11" i="1"/>
  <c r="S11" i="1"/>
  <c r="T11" i="1"/>
  <c r="U11" i="1"/>
  <c r="V11" i="1"/>
  <c r="W11" i="1"/>
  <c r="X11" i="1"/>
  <c r="Y11" i="1"/>
  <c r="Z11" i="1"/>
  <c r="AA11" i="1"/>
  <c r="AB11" i="1"/>
  <c r="AC11" i="1"/>
  <c r="AD11" i="1"/>
  <c r="AE11" i="1"/>
  <c r="AF11" i="1"/>
  <c r="AG11" i="1"/>
  <c r="AH11" i="1"/>
  <c r="AI11" i="1"/>
  <c r="AJ11" i="1"/>
  <c r="AK11" i="1"/>
  <c r="AL11" i="1"/>
  <c r="AM11" i="1"/>
  <c r="AN11" i="1"/>
  <c r="AO11" i="1"/>
  <c r="AP11" i="1"/>
  <c r="AQ11" i="1"/>
  <c r="D12" i="1"/>
  <c r="E12" i="1"/>
  <c r="F12" i="1"/>
  <c r="G12" i="1"/>
  <c r="H12" i="1"/>
  <c r="I12" i="1"/>
  <c r="J12" i="1"/>
  <c r="K12" i="1"/>
  <c r="L12" i="1"/>
  <c r="M12" i="1"/>
  <c r="N12" i="1"/>
  <c r="O12" i="1"/>
  <c r="P12" i="1"/>
  <c r="Q12" i="1"/>
  <c r="R12" i="1"/>
  <c r="S12" i="1"/>
  <c r="T12" i="1"/>
  <c r="U12" i="1"/>
  <c r="V12" i="1"/>
  <c r="W12" i="1"/>
  <c r="X12" i="1"/>
  <c r="Y12" i="1"/>
  <c r="Z12" i="1"/>
  <c r="AA12" i="1"/>
  <c r="AB12" i="1"/>
  <c r="AC12" i="1"/>
  <c r="AD12" i="1"/>
  <c r="AE12" i="1"/>
  <c r="AF12" i="1"/>
  <c r="AG12" i="1"/>
  <c r="AH12" i="1"/>
  <c r="AI12" i="1"/>
  <c r="AJ12" i="1"/>
  <c r="AK12" i="1"/>
  <c r="AL12" i="1"/>
  <c r="AM12" i="1"/>
  <c r="AN12" i="1"/>
  <c r="AO12" i="1"/>
  <c r="AP12" i="1"/>
  <c r="AQ12" i="1"/>
  <c r="D13" i="1"/>
  <c r="E13" i="1"/>
  <c r="F13" i="1"/>
  <c r="G13" i="1"/>
  <c r="H13" i="1"/>
  <c r="I13" i="1"/>
  <c r="J13" i="1"/>
  <c r="K13" i="1"/>
  <c r="L13" i="1"/>
  <c r="M13" i="1"/>
  <c r="N13" i="1"/>
  <c r="O13" i="1"/>
  <c r="P13" i="1"/>
  <c r="Q13" i="1"/>
  <c r="R13" i="1"/>
  <c r="S13" i="1"/>
  <c r="T13" i="1"/>
  <c r="U13" i="1"/>
  <c r="V13" i="1"/>
  <c r="W13" i="1"/>
  <c r="X13" i="1"/>
  <c r="Y13" i="1"/>
  <c r="Z13" i="1"/>
  <c r="AA13" i="1"/>
  <c r="AB13" i="1"/>
  <c r="AC13" i="1"/>
  <c r="AD13" i="1"/>
  <c r="AE13" i="1"/>
  <c r="AF13" i="1"/>
  <c r="AG13" i="1"/>
  <c r="AH13" i="1"/>
  <c r="AI13" i="1"/>
  <c r="AJ13" i="1"/>
  <c r="AK13" i="1"/>
  <c r="AL13" i="1"/>
  <c r="AM13" i="1"/>
  <c r="AN13" i="1"/>
  <c r="AO13" i="1"/>
  <c r="AP13" i="1"/>
  <c r="AQ13" i="1"/>
  <c r="D14" i="1"/>
  <c r="E14" i="1"/>
  <c r="F14" i="1"/>
  <c r="G14" i="1"/>
  <c r="H14" i="1"/>
  <c r="I14" i="1"/>
  <c r="J14" i="1"/>
  <c r="K14" i="1"/>
  <c r="L14" i="1"/>
  <c r="M14" i="1"/>
  <c r="N14" i="1"/>
  <c r="O14" i="1"/>
  <c r="P14" i="1"/>
  <c r="Q14" i="1"/>
  <c r="R14" i="1"/>
  <c r="S14" i="1"/>
  <c r="T14" i="1"/>
  <c r="U14" i="1"/>
  <c r="V14" i="1"/>
  <c r="W14" i="1"/>
  <c r="X14" i="1"/>
  <c r="Y14" i="1"/>
  <c r="Z14" i="1"/>
  <c r="AA14" i="1"/>
  <c r="AB14" i="1"/>
  <c r="AC14" i="1"/>
  <c r="AD14" i="1"/>
  <c r="AE14" i="1"/>
  <c r="AF14" i="1"/>
  <c r="AG14" i="1"/>
  <c r="AH14" i="1"/>
  <c r="AI14" i="1"/>
  <c r="AJ14" i="1"/>
  <c r="AK14" i="1"/>
  <c r="AL14" i="1"/>
  <c r="AM14" i="1"/>
  <c r="AN14" i="1"/>
  <c r="AO14" i="1"/>
  <c r="AP14" i="1"/>
  <c r="AQ14" i="1"/>
  <c r="D15" i="1"/>
  <c r="E15" i="1"/>
  <c r="F15" i="1"/>
  <c r="G15" i="1"/>
  <c r="H15" i="1"/>
  <c r="I15" i="1"/>
  <c r="J15" i="1"/>
  <c r="K15" i="1"/>
  <c r="L15" i="1"/>
  <c r="M15" i="1"/>
  <c r="N15" i="1"/>
  <c r="O15" i="1"/>
  <c r="P15" i="1"/>
  <c r="Q15" i="1"/>
  <c r="R15" i="1"/>
  <c r="S15" i="1"/>
  <c r="T15" i="1"/>
  <c r="U15" i="1"/>
  <c r="V15" i="1"/>
  <c r="W15" i="1"/>
  <c r="X15" i="1"/>
  <c r="Y15" i="1"/>
  <c r="Z15" i="1"/>
  <c r="AA15" i="1"/>
  <c r="AB15" i="1"/>
  <c r="AC15" i="1"/>
  <c r="AD15" i="1"/>
  <c r="AE15" i="1"/>
  <c r="AF15" i="1"/>
  <c r="AG15" i="1"/>
  <c r="AH15" i="1"/>
  <c r="AI15" i="1"/>
  <c r="AJ15" i="1"/>
  <c r="AK15" i="1"/>
  <c r="AL15" i="1"/>
  <c r="AM15" i="1"/>
  <c r="AN15" i="1"/>
  <c r="AO15" i="1"/>
  <c r="AP15" i="1"/>
  <c r="AQ15" i="1"/>
  <c r="D16" i="1"/>
  <c r="E16" i="1"/>
  <c r="F16" i="1"/>
  <c r="G16" i="1"/>
  <c r="H16" i="1"/>
  <c r="I16" i="1"/>
  <c r="J16" i="1"/>
  <c r="K16" i="1"/>
  <c r="L16" i="1"/>
  <c r="M16" i="1"/>
  <c r="N16" i="1"/>
  <c r="O16" i="1"/>
  <c r="P16" i="1"/>
  <c r="Q16" i="1"/>
  <c r="R16" i="1"/>
  <c r="S16" i="1"/>
  <c r="T16" i="1"/>
  <c r="U16" i="1"/>
  <c r="V16" i="1"/>
  <c r="W16" i="1"/>
  <c r="X16" i="1"/>
  <c r="Y16" i="1"/>
  <c r="Z16" i="1"/>
  <c r="AA16" i="1"/>
  <c r="AB16" i="1"/>
  <c r="AC16" i="1"/>
  <c r="AD16" i="1"/>
  <c r="AE16" i="1"/>
  <c r="AF16" i="1"/>
  <c r="AG16" i="1"/>
  <c r="AH16" i="1"/>
  <c r="AI16" i="1"/>
  <c r="AJ16" i="1"/>
  <c r="AK16" i="1"/>
  <c r="AL16" i="1"/>
  <c r="AM16" i="1"/>
  <c r="AN16" i="1"/>
  <c r="AO16" i="1"/>
  <c r="AP16" i="1"/>
  <c r="AQ16" i="1"/>
  <c r="E9" i="1"/>
  <c r="F9" i="1"/>
  <c r="G9" i="1"/>
  <c r="H9" i="1"/>
  <c r="I9" i="1"/>
  <c r="J9" i="1"/>
  <c r="K9" i="1"/>
  <c r="L9" i="1"/>
  <c r="M9" i="1"/>
  <c r="N9" i="1"/>
  <c r="O9" i="1"/>
  <c r="P9" i="1"/>
  <c r="Q9" i="1"/>
  <c r="R9" i="1"/>
  <c r="S9" i="1"/>
  <c r="T9" i="1"/>
  <c r="U9" i="1"/>
  <c r="V9" i="1"/>
  <c r="W9" i="1"/>
  <c r="X9" i="1"/>
  <c r="Y9" i="1"/>
  <c r="Z9" i="1"/>
  <c r="AA9" i="1"/>
  <c r="AB9" i="1"/>
  <c r="AC9" i="1"/>
  <c r="AD9" i="1"/>
  <c r="AE9" i="1"/>
  <c r="AF9" i="1"/>
  <c r="AG9" i="1"/>
  <c r="AH9" i="1"/>
  <c r="AI9" i="1"/>
  <c r="AJ9" i="1"/>
  <c r="AK9" i="1"/>
  <c r="AL9" i="1"/>
  <c r="AM9" i="1"/>
  <c r="AN9" i="1"/>
  <c r="AO9" i="1"/>
  <c r="AP9" i="1"/>
  <c r="AQ9" i="1"/>
  <c r="D9" i="1"/>
  <c r="D6" i="1"/>
  <c r="F6" i="1"/>
  <c r="H6" i="1"/>
  <c r="J6" i="1"/>
  <c r="L6" i="1"/>
  <c r="N6" i="1"/>
  <c r="P6" i="1"/>
  <c r="R6" i="1"/>
  <c r="T6" i="1"/>
  <c r="V6" i="1"/>
  <c r="X6" i="1"/>
  <c r="Z6" i="1"/>
  <c r="AB6" i="1"/>
  <c r="AD6" i="1"/>
  <c r="AF6" i="1"/>
  <c r="AH6" i="1"/>
  <c r="AJ6" i="1"/>
  <c r="AL6" i="1"/>
  <c r="AN6" i="1"/>
  <c r="AP6" i="1"/>
  <c r="D7" i="1"/>
  <c r="F7" i="1"/>
  <c r="H7" i="1"/>
  <c r="J7" i="1"/>
  <c r="L7" i="1"/>
  <c r="N7" i="1"/>
  <c r="P7" i="1"/>
  <c r="R7" i="1"/>
  <c r="T7" i="1"/>
  <c r="V7" i="1"/>
  <c r="X7" i="1"/>
  <c r="Z7" i="1"/>
  <c r="AB7" i="1"/>
  <c r="AD7" i="1"/>
  <c r="AF7" i="1"/>
  <c r="AH7" i="1"/>
  <c r="AJ7" i="1"/>
  <c r="AL7" i="1"/>
  <c r="AN7" i="1"/>
  <c r="AP7" i="1"/>
  <c r="D8" i="1"/>
  <c r="F8" i="1"/>
  <c r="H8" i="1"/>
  <c r="J8" i="1"/>
  <c r="L8" i="1"/>
  <c r="N8" i="1"/>
  <c r="P8" i="1"/>
  <c r="R8" i="1"/>
  <c r="T8" i="1"/>
  <c r="V8" i="1"/>
  <c r="X8" i="1"/>
  <c r="Z8" i="1"/>
  <c r="AB8" i="1"/>
  <c r="AD8" i="1"/>
  <c r="AF8" i="1"/>
  <c r="AH8" i="1"/>
  <c r="AJ8" i="1"/>
  <c r="AL8" i="1"/>
  <c r="AN8" i="1"/>
  <c r="AP8" i="1"/>
  <c r="F5" i="1"/>
  <c r="H5" i="1"/>
  <c r="J5" i="1"/>
  <c r="L5" i="1"/>
  <c r="N5" i="1"/>
  <c r="P5" i="1"/>
  <c r="R5" i="1"/>
  <c r="T5" i="1"/>
  <c r="V5" i="1"/>
  <c r="X5" i="1"/>
  <c r="Z5" i="1"/>
  <c r="AB5" i="1"/>
  <c r="AD5" i="1"/>
  <c r="AF5" i="1"/>
  <c r="AH5" i="1"/>
  <c r="AJ5" i="1"/>
  <c r="AL5" i="1"/>
  <c r="AN5" i="1"/>
  <c r="AP5" i="1"/>
  <c r="D5" i="1"/>
  <c r="X2" i="1" l="1"/>
  <c r="X3" i="1"/>
  <c r="D3" i="1"/>
  <c r="D2" i="1"/>
  <c r="C27" i="1" l="1"/>
  <c r="C28" i="1"/>
  <c r="C29" i="1"/>
  <c r="C30" i="1"/>
  <c r="C31" i="1"/>
  <c r="C26" i="1"/>
  <c r="C18" i="1"/>
  <c r="C19" i="1"/>
  <c r="C20" i="1"/>
  <c r="C21" i="1"/>
  <c r="C22" i="1"/>
  <c r="C23" i="1"/>
  <c r="C24" i="1"/>
  <c r="C25" i="1"/>
  <c r="C17" i="1"/>
  <c r="C10" i="1"/>
  <c r="C11" i="1"/>
  <c r="C12" i="1"/>
  <c r="C13" i="1"/>
  <c r="C14" i="1"/>
  <c r="C15" i="1"/>
  <c r="C16" i="1"/>
  <c r="C9" i="1"/>
  <c r="C6" i="1"/>
  <c r="C7" i="1"/>
  <c r="C8" i="1"/>
  <c r="C5" i="1"/>
  <c r="C18" i="9" l="1"/>
  <c r="D18" i="9"/>
  <c r="E18" i="9"/>
  <c r="F18" i="9"/>
  <c r="G18" i="9"/>
  <c r="H18" i="9"/>
  <c r="I18" i="9"/>
  <c r="J18" i="9"/>
  <c r="K18" i="9"/>
  <c r="C19" i="9"/>
  <c r="D19" i="9"/>
  <c r="E19" i="9"/>
  <c r="F19" i="9"/>
  <c r="G19" i="9"/>
  <c r="H19" i="9"/>
  <c r="I19" i="9"/>
  <c r="J19" i="9"/>
  <c r="K19" i="9"/>
  <c r="C20" i="9"/>
  <c r="D20" i="9"/>
  <c r="E20" i="9"/>
  <c r="F20" i="9"/>
  <c r="G20" i="9"/>
  <c r="H20" i="9"/>
  <c r="I20" i="9"/>
  <c r="J20" i="9"/>
  <c r="K20" i="9"/>
  <c r="D17" i="9"/>
  <c r="E17" i="9"/>
  <c r="F17" i="9"/>
  <c r="G17" i="9"/>
  <c r="H17" i="9"/>
  <c r="I17" i="9"/>
  <c r="J17" i="9"/>
  <c r="K17" i="9"/>
  <c r="C17" i="9"/>
  <c r="W25" i="8" l="1"/>
  <c r="W26" i="8"/>
  <c r="W27" i="8"/>
  <c r="W28" i="8"/>
  <c r="W29" i="8"/>
  <c r="W30" i="8"/>
  <c r="W31" i="8"/>
  <c r="W32" i="8"/>
  <c r="W33" i="8"/>
  <c r="W34" i="8"/>
  <c r="W35" i="8"/>
  <c r="W36" i="8"/>
  <c r="W37" i="8"/>
  <c r="O25" i="8"/>
  <c r="P25" i="8"/>
  <c r="Q25" i="8"/>
  <c r="R25" i="8"/>
  <c r="S25" i="8"/>
  <c r="T25" i="8"/>
  <c r="U25" i="8"/>
  <c r="V25" i="8"/>
  <c r="O26" i="8"/>
  <c r="P26" i="8"/>
  <c r="Q26" i="8"/>
  <c r="R26" i="8"/>
  <c r="S26" i="8"/>
  <c r="T26" i="8"/>
  <c r="U26" i="8"/>
  <c r="V26" i="8"/>
  <c r="O27" i="8"/>
  <c r="P27" i="8"/>
  <c r="Q27" i="8"/>
  <c r="R27" i="8"/>
  <c r="S27" i="8"/>
  <c r="T27" i="8"/>
  <c r="U27" i="8"/>
  <c r="V27" i="8"/>
  <c r="O28" i="8"/>
  <c r="P28" i="8"/>
  <c r="Q28" i="8"/>
  <c r="R28" i="8"/>
  <c r="S28" i="8"/>
  <c r="T28" i="8"/>
  <c r="U28" i="8"/>
  <c r="V28" i="8"/>
  <c r="O29" i="8"/>
  <c r="P29" i="8"/>
  <c r="Q29" i="8"/>
  <c r="R29" i="8"/>
  <c r="S29" i="8"/>
  <c r="T29" i="8"/>
  <c r="U29" i="8"/>
  <c r="V29" i="8"/>
  <c r="O30" i="8"/>
  <c r="P30" i="8"/>
  <c r="Q30" i="8"/>
  <c r="R30" i="8"/>
  <c r="S30" i="8"/>
  <c r="T30" i="8"/>
  <c r="U30" i="8"/>
  <c r="V30" i="8"/>
  <c r="O31" i="8"/>
  <c r="P31" i="8"/>
  <c r="Q31" i="8"/>
  <c r="R31" i="8"/>
  <c r="S31" i="8"/>
  <c r="T31" i="8"/>
  <c r="U31" i="8"/>
  <c r="V31" i="8"/>
  <c r="O32" i="8"/>
  <c r="P32" i="8"/>
  <c r="Q32" i="8"/>
  <c r="R32" i="8"/>
  <c r="S32" i="8"/>
  <c r="T32" i="8"/>
  <c r="U32" i="8"/>
  <c r="V32" i="8"/>
  <c r="O33" i="8"/>
  <c r="P33" i="8"/>
  <c r="Q33" i="8"/>
  <c r="R33" i="8"/>
  <c r="S33" i="8"/>
  <c r="T33" i="8"/>
  <c r="U33" i="8"/>
  <c r="V33" i="8"/>
  <c r="O34" i="8"/>
  <c r="P34" i="8"/>
  <c r="Q34" i="8"/>
  <c r="R34" i="8"/>
  <c r="S34" i="8"/>
  <c r="T34" i="8"/>
  <c r="U34" i="8"/>
  <c r="V34" i="8"/>
  <c r="O35" i="8"/>
  <c r="P35" i="8"/>
  <c r="Q35" i="8"/>
  <c r="R35" i="8"/>
  <c r="S35" i="8"/>
  <c r="T35" i="8"/>
  <c r="U35" i="8"/>
  <c r="V35" i="8"/>
  <c r="O36" i="8"/>
  <c r="P36" i="8"/>
  <c r="Q36" i="8"/>
  <c r="R36" i="8"/>
  <c r="S36" i="8"/>
  <c r="T36" i="8"/>
  <c r="U36" i="8"/>
  <c r="V36" i="8"/>
  <c r="O37" i="8"/>
  <c r="P37" i="8"/>
  <c r="Q37" i="8"/>
  <c r="R37" i="8"/>
  <c r="S37" i="8"/>
  <c r="T37" i="8"/>
  <c r="U37" i="8"/>
  <c r="V37" i="8"/>
  <c r="N26" i="8"/>
  <c r="N27" i="8"/>
  <c r="N28" i="8"/>
  <c r="N29" i="8"/>
  <c r="N30" i="8"/>
  <c r="N31" i="8"/>
  <c r="N32" i="8"/>
  <c r="N33" i="8"/>
  <c r="N34" i="8"/>
  <c r="N35" i="8"/>
  <c r="N36" i="8"/>
  <c r="N37" i="8"/>
  <c r="N25" i="8"/>
  <c r="O18" i="8"/>
  <c r="P18" i="8"/>
  <c r="Q18" i="8"/>
  <c r="R18" i="8"/>
  <c r="S18" i="8"/>
  <c r="T18" i="8"/>
  <c r="U18" i="8"/>
  <c r="V18" i="8"/>
  <c r="W18" i="8"/>
  <c r="O19" i="8"/>
  <c r="P19" i="8"/>
  <c r="Q19" i="8"/>
  <c r="R19" i="8"/>
  <c r="S19" i="8"/>
  <c r="T19" i="8"/>
  <c r="U19" i="8"/>
  <c r="V19" i="8"/>
  <c r="W19" i="8"/>
  <c r="O20" i="8"/>
  <c r="P20" i="8"/>
  <c r="Q20" i="8"/>
  <c r="R20" i="8"/>
  <c r="S20" i="8"/>
  <c r="T20" i="8"/>
  <c r="U20" i="8"/>
  <c r="V20" i="8"/>
  <c r="W20" i="8"/>
  <c r="O21" i="8"/>
  <c r="P21" i="8"/>
  <c r="Q21" i="8"/>
  <c r="R21" i="8"/>
  <c r="S21" i="8"/>
  <c r="T21" i="8"/>
  <c r="U21" i="8"/>
  <c r="V21" i="8"/>
  <c r="W21" i="8"/>
  <c r="O22" i="8"/>
  <c r="P22" i="8"/>
  <c r="Q22" i="8"/>
  <c r="R22" i="8"/>
  <c r="S22" i="8"/>
  <c r="T22" i="8"/>
  <c r="U22" i="8"/>
  <c r="V22" i="8"/>
  <c r="W22" i="8"/>
  <c r="O23" i="8"/>
  <c r="P23" i="8"/>
  <c r="Q23" i="8"/>
  <c r="R23" i="8"/>
  <c r="S23" i="8"/>
  <c r="T23" i="8"/>
  <c r="U23" i="8"/>
  <c r="V23" i="8"/>
  <c r="W23" i="8"/>
  <c r="O24" i="8"/>
  <c r="P24" i="8"/>
  <c r="Q24" i="8"/>
  <c r="R24" i="8"/>
  <c r="S24" i="8"/>
  <c r="T24" i="8"/>
  <c r="U24" i="8"/>
  <c r="V24" i="8"/>
  <c r="W24" i="8"/>
  <c r="N19" i="8"/>
  <c r="N20" i="8"/>
  <c r="N21" i="8"/>
  <c r="N22" i="8"/>
  <c r="N23" i="8"/>
  <c r="N24" i="8"/>
  <c r="N18" i="8"/>
  <c r="O13" i="8"/>
  <c r="P13" i="8"/>
  <c r="Q13" i="8"/>
  <c r="R13" i="8"/>
  <c r="S13" i="8"/>
  <c r="T13" i="8"/>
  <c r="U13" i="8"/>
  <c r="V13" i="8"/>
  <c r="W13" i="8"/>
  <c r="O14" i="8"/>
  <c r="P14" i="8"/>
  <c r="Q14" i="8"/>
  <c r="R14" i="8"/>
  <c r="S14" i="8"/>
  <c r="T14" i="8"/>
  <c r="U14" i="8"/>
  <c r="V14" i="8"/>
  <c r="W14" i="8"/>
  <c r="O15" i="8"/>
  <c r="P15" i="8"/>
  <c r="Q15" i="8"/>
  <c r="R15" i="8"/>
  <c r="S15" i="8"/>
  <c r="T15" i="8"/>
  <c r="U15" i="8"/>
  <c r="V15" i="8"/>
  <c r="W15" i="8"/>
  <c r="O16" i="8"/>
  <c r="P16" i="8"/>
  <c r="Q16" i="8"/>
  <c r="R16" i="8"/>
  <c r="S16" i="8"/>
  <c r="T16" i="8"/>
  <c r="U16" i="8"/>
  <c r="V16" i="8"/>
  <c r="W16" i="8"/>
  <c r="O17" i="8"/>
  <c r="P17" i="8"/>
  <c r="Q17" i="8"/>
  <c r="R17" i="8"/>
  <c r="S17" i="8"/>
  <c r="T17" i="8"/>
  <c r="U17" i="8"/>
  <c r="V17" i="8"/>
  <c r="W17" i="8"/>
  <c r="N14" i="8"/>
  <c r="N15" i="8"/>
  <c r="N16" i="8"/>
  <c r="N17" i="8"/>
  <c r="N13" i="8"/>
  <c r="E32" i="8"/>
  <c r="F32" i="8"/>
  <c r="G32" i="8"/>
  <c r="H32" i="8"/>
  <c r="I32" i="8"/>
  <c r="J32" i="8"/>
  <c r="K32" i="8"/>
  <c r="L32" i="8"/>
  <c r="M32" i="8"/>
  <c r="E33" i="8"/>
  <c r="F33" i="8"/>
  <c r="G33" i="8"/>
  <c r="H33" i="8"/>
  <c r="I33" i="8"/>
  <c r="J33" i="8"/>
  <c r="K33" i="8"/>
  <c r="L33" i="8"/>
  <c r="M33" i="8"/>
  <c r="E34" i="8"/>
  <c r="F34" i="8"/>
  <c r="G34" i="8"/>
  <c r="H34" i="8"/>
  <c r="I34" i="8"/>
  <c r="J34" i="8"/>
  <c r="K34" i="8"/>
  <c r="L34" i="8"/>
  <c r="M34" i="8"/>
  <c r="E35" i="8"/>
  <c r="F35" i="8"/>
  <c r="G35" i="8"/>
  <c r="H35" i="8"/>
  <c r="I35" i="8"/>
  <c r="J35" i="8"/>
  <c r="K35" i="8"/>
  <c r="L35" i="8"/>
  <c r="M35" i="8"/>
  <c r="E36" i="8"/>
  <c r="F36" i="8"/>
  <c r="G36" i="8"/>
  <c r="H36" i="8"/>
  <c r="I36" i="8"/>
  <c r="J36" i="8"/>
  <c r="K36" i="8"/>
  <c r="L36" i="8"/>
  <c r="M36" i="8"/>
  <c r="E37" i="8"/>
  <c r="F37" i="8"/>
  <c r="G37" i="8"/>
  <c r="H37" i="8"/>
  <c r="I37" i="8"/>
  <c r="J37" i="8"/>
  <c r="K37" i="8"/>
  <c r="L37" i="8"/>
  <c r="M37" i="8"/>
  <c r="D33" i="8"/>
  <c r="D34" i="8"/>
  <c r="D35" i="8"/>
  <c r="D36" i="8"/>
  <c r="D37" i="8"/>
  <c r="D32" i="8"/>
  <c r="E25" i="8"/>
  <c r="F25" i="8"/>
  <c r="G25" i="8"/>
  <c r="H25" i="8"/>
  <c r="I25" i="8"/>
  <c r="J25" i="8"/>
  <c r="K25" i="8"/>
  <c r="L25" i="8"/>
  <c r="M25" i="8"/>
  <c r="E26" i="8"/>
  <c r="F26" i="8"/>
  <c r="G26" i="8"/>
  <c r="H26" i="8"/>
  <c r="I26" i="8"/>
  <c r="J26" i="8"/>
  <c r="K26" i="8"/>
  <c r="L26" i="8"/>
  <c r="M26" i="8"/>
  <c r="E27" i="8"/>
  <c r="F27" i="8"/>
  <c r="G27" i="8"/>
  <c r="H27" i="8"/>
  <c r="I27" i="8"/>
  <c r="J27" i="8"/>
  <c r="K27" i="8"/>
  <c r="L27" i="8"/>
  <c r="M27" i="8"/>
  <c r="E28" i="8"/>
  <c r="F28" i="8"/>
  <c r="G28" i="8"/>
  <c r="H28" i="8"/>
  <c r="I28" i="8"/>
  <c r="J28" i="8"/>
  <c r="K28" i="8"/>
  <c r="L28" i="8"/>
  <c r="M28" i="8"/>
  <c r="E29" i="8"/>
  <c r="F29" i="8"/>
  <c r="G29" i="8"/>
  <c r="H29" i="8"/>
  <c r="I29" i="8"/>
  <c r="J29" i="8"/>
  <c r="K29" i="8"/>
  <c r="L29" i="8"/>
  <c r="M29" i="8"/>
  <c r="E30" i="8"/>
  <c r="F30" i="8"/>
  <c r="G30" i="8"/>
  <c r="H30" i="8"/>
  <c r="I30" i="8"/>
  <c r="J30" i="8"/>
  <c r="K30" i="8"/>
  <c r="L30" i="8"/>
  <c r="M30" i="8"/>
  <c r="E31" i="8"/>
  <c r="F31" i="8"/>
  <c r="G31" i="8"/>
  <c r="H31" i="8"/>
  <c r="I31" i="8"/>
  <c r="J31" i="8"/>
  <c r="K31" i="8"/>
  <c r="L31" i="8"/>
  <c r="M31" i="8"/>
  <c r="D26" i="8"/>
  <c r="D27" i="8"/>
  <c r="D28" i="8"/>
  <c r="D29" i="8"/>
  <c r="D30" i="8"/>
  <c r="D31" i="8"/>
  <c r="D25" i="8"/>
  <c r="E18" i="8"/>
  <c r="F18" i="8"/>
  <c r="G18" i="8"/>
  <c r="H18" i="8"/>
  <c r="I18" i="8"/>
  <c r="J18" i="8"/>
  <c r="K18" i="8"/>
  <c r="L18" i="8"/>
  <c r="M18" i="8"/>
  <c r="E19" i="8"/>
  <c r="F19" i="8"/>
  <c r="G19" i="8"/>
  <c r="H19" i="8"/>
  <c r="I19" i="8"/>
  <c r="J19" i="8"/>
  <c r="K19" i="8"/>
  <c r="L19" i="8"/>
  <c r="M19" i="8"/>
  <c r="E20" i="8"/>
  <c r="F20" i="8"/>
  <c r="G20" i="8"/>
  <c r="H20" i="8"/>
  <c r="I20" i="8"/>
  <c r="J20" i="8"/>
  <c r="K20" i="8"/>
  <c r="L20" i="8"/>
  <c r="M20" i="8"/>
  <c r="E21" i="8"/>
  <c r="F21" i="8"/>
  <c r="G21" i="8"/>
  <c r="H21" i="8"/>
  <c r="I21" i="8"/>
  <c r="J21" i="8"/>
  <c r="K21" i="8"/>
  <c r="L21" i="8"/>
  <c r="M21" i="8"/>
  <c r="E22" i="8"/>
  <c r="F22" i="8"/>
  <c r="G22" i="8"/>
  <c r="H22" i="8"/>
  <c r="I22" i="8"/>
  <c r="J22" i="8"/>
  <c r="K22" i="8"/>
  <c r="L22" i="8"/>
  <c r="M22" i="8"/>
  <c r="E23" i="8"/>
  <c r="F23" i="8"/>
  <c r="G23" i="8"/>
  <c r="H23" i="8"/>
  <c r="I23" i="8"/>
  <c r="J23" i="8"/>
  <c r="K23" i="8"/>
  <c r="L23" i="8"/>
  <c r="M23" i="8"/>
  <c r="E24" i="8"/>
  <c r="F24" i="8"/>
  <c r="G24" i="8"/>
  <c r="H24" i="8"/>
  <c r="I24" i="8"/>
  <c r="J24" i="8"/>
  <c r="K24" i="8"/>
  <c r="L24" i="8"/>
  <c r="M24" i="8"/>
  <c r="D19" i="8"/>
  <c r="D20" i="8"/>
  <c r="D21" i="8"/>
  <c r="D22" i="8"/>
  <c r="D23" i="8"/>
  <c r="D24" i="8"/>
  <c r="D18" i="8"/>
  <c r="E13" i="8"/>
  <c r="F13" i="8"/>
  <c r="G13" i="8"/>
  <c r="H13" i="8"/>
  <c r="I13" i="8"/>
  <c r="J13" i="8"/>
  <c r="K13" i="8"/>
  <c r="L13" i="8"/>
  <c r="M13" i="8"/>
  <c r="E14" i="8"/>
  <c r="F14" i="8"/>
  <c r="G14" i="8"/>
  <c r="H14" i="8"/>
  <c r="I14" i="8"/>
  <c r="J14" i="8"/>
  <c r="K14" i="8"/>
  <c r="L14" i="8"/>
  <c r="M14" i="8"/>
  <c r="E15" i="8"/>
  <c r="F15" i="8"/>
  <c r="G15" i="8"/>
  <c r="H15" i="8"/>
  <c r="I15" i="8"/>
  <c r="J15" i="8"/>
  <c r="K15" i="8"/>
  <c r="L15" i="8"/>
  <c r="M15" i="8"/>
  <c r="E16" i="8"/>
  <c r="F16" i="8"/>
  <c r="G16" i="8"/>
  <c r="H16" i="8"/>
  <c r="I16" i="8"/>
  <c r="J16" i="8"/>
  <c r="K16" i="8"/>
  <c r="L16" i="8"/>
  <c r="M16" i="8"/>
  <c r="E17" i="8"/>
  <c r="F17" i="8"/>
  <c r="G17" i="8"/>
  <c r="H17" i="8"/>
  <c r="I17" i="8"/>
  <c r="J17" i="8"/>
  <c r="K17" i="8"/>
  <c r="L17" i="8"/>
  <c r="M17" i="8"/>
  <c r="D14" i="8"/>
  <c r="D15" i="8"/>
  <c r="D16" i="8"/>
  <c r="D17" i="8"/>
  <c r="D13" i="8"/>
  <c r="C37" i="8"/>
  <c r="C36" i="8"/>
  <c r="C35" i="8"/>
  <c r="C34" i="8"/>
  <c r="C33" i="8"/>
  <c r="C32" i="8"/>
  <c r="C31" i="8"/>
  <c r="C30" i="8"/>
  <c r="C29" i="8"/>
  <c r="C28" i="8"/>
  <c r="C27" i="8"/>
  <c r="C26" i="8"/>
  <c r="C25" i="8"/>
  <c r="C24" i="8"/>
  <c r="C23" i="8"/>
  <c r="C22" i="8"/>
  <c r="C21" i="8"/>
  <c r="C20" i="8"/>
  <c r="C19" i="8"/>
  <c r="C18" i="8"/>
  <c r="C17" i="8"/>
  <c r="C16" i="8"/>
  <c r="C15" i="8"/>
  <c r="C14" i="8"/>
  <c r="C13" i="8"/>
</calcChain>
</file>

<file path=xl/sharedStrings.xml><?xml version="1.0" encoding="utf-8"?>
<sst xmlns="http://schemas.openxmlformats.org/spreadsheetml/2006/main" count="1040" uniqueCount="374">
  <si>
    <t>技能</t>
    <rPh sb="0" eb="2">
      <t>ギノウ</t>
    </rPh>
    <phoneticPr fontId="1"/>
  </si>
  <si>
    <t>知識</t>
    <rPh sb="0" eb="2">
      <t>チシキ</t>
    </rPh>
    <phoneticPr fontId="1"/>
  </si>
  <si>
    <t>思判表</t>
    <rPh sb="1" eb="2">
      <t>ハン</t>
    </rPh>
    <rPh sb="2" eb="3">
      <t>ヒョウ</t>
    </rPh>
    <phoneticPr fontId="1"/>
  </si>
  <si>
    <t>学習の流れ</t>
    <rPh sb="0" eb="2">
      <t>ガクシュウ</t>
    </rPh>
    <rPh sb="3" eb="4">
      <t>ナガ</t>
    </rPh>
    <phoneticPr fontId="1"/>
  </si>
  <si>
    <t>評価</t>
    <rPh sb="0" eb="2">
      <t>ヒョウカ</t>
    </rPh>
    <phoneticPr fontId="1"/>
  </si>
  <si>
    <t>主体的に学習に取り組む態度</t>
    <rPh sb="0" eb="3">
      <t>シュタイテキ</t>
    </rPh>
    <rPh sb="4" eb="6">
      <t>ガクシュウ</t>
    </rPh>
    <rPh sb="7" eb="8">
      <t>ト</t>
    </rPh>
    <rPh sb="9" eb="10">
      <t>ク</t>
    </rPh>
    <rPh sb="11" eb="13">
      <t>タイド</t>
    </rPh>
    <phoneticPr fontId="1"/>
  </si>
  <si>
    <t>球技(ゴール型)</t>
    <rPh sb="6" eb="7">
      <t>ガタ</t>
    </rPh>
    <phoneticPr fontId="1"/>
  </si>
  <si>
    <t>球技・ゴール型</t>
    <rPh sb="0" eb="2">
      <t>キュウギ</t>
    </rPh>
    <rPh sb="6" eb="7">
      <t>ガタ</t>
    </rPh>
    <phoneticPr fontId="1"/>
  </si>
  <si>
    <t>球技・ネット型</t>
    <rPh sb="0" eb="2">
      <t>キュウギ</t>
    </rPh>
    <rPh sb="6" eb="7">
      <t>ガタ</t>
    </rPh>
    <phoneticPr fontId="1"/>
  </si>
  <si>
    <t>②バレーボール</t>
    <phoneticPr fontId="1"/>
  </si>
  <si>
    <t>③バドミントン</t>
    <phoneticPr fontId="1"/>
  </si>
  <si>
    <t>球技・ベースボール型</t>
    <rPh sb="0" eb="2">
      <t>キュウギ</t>
    </rPh>
    <rPh sb="9" eb="10">
      <t>カタ</t>
    </rPh>
    <phoneticPr fontId="1"/>
  </si>
  <si>
    <t>④ソフトボール</t>
    <phoneticPr fontId="1"/>
  </si>
  <si>
    <t>技能　　　　　　　　　　　　ゴール型</t>
    <rPh sb="0" eb="2">
      <t>ギノウ</t>
    </rPh>
    <rPh sb="17" eb="18">
      <t>ガタ</t>
    </rPh>
    <phoneticPr fontId="1"/>
  </si>
  <si>
    <t>技能　　　　　　　　　　　　　　　　　　　　　　　　　　ネット型</t>
    <rPh sb="0" eb="2">
      <t>ギノウ</t>
    </rPh>
    <rPh sb="31" eb="32">
      <t>ガタ</t>
    </rPh>
    <phoneticPr fontId="1"/>
  </si>
  <si>
    <t>技能　　　　　　　　　　　　　　　　　　　　　　　　　　ベースボール型</t>
    <rPh sb="0" eb="2">
      <t>ギノウ</t>
    </rPh>
    <rPh sb="34" eb="35">
      <t>カタ</t>
    </rPh>
    <phoneticPr fontId="1"/>
  </si>
  <si>
    <t>ボール操作</t>
    <rPh sb="3" eb="5">
      <t>ソウサ</t>
    </rPh>
    <phoneticPr fontId="1"/>
  </si>
  <si>
    <t>空間に走り込むなどの動き</t>
    <rPh sb="0" eb="2">
      <t>クウカン</t>
    </rPh>
    <rPh sb="3" eb="4">
      <t>ハシ</t>
    </rPh>
    <rPh sb="5" eb="6">
      <t>コ</t>
    </rPh>
    <rPh sb="10" eb="11">
      <t>ウゴ</t>
    </rPh>
    <phoneticPr fontId="1"/>
  </si>
  <si>
    <t>ボールや用具の操作</t>
    <rPh sb="4" eb="6">
      <t>ヨウグ</t>
    </rPh>
    <rPh sb="7" eb="9">
      <t>ソウサ</t>
    </rPh>
    <phoneticPr fontId="1"/>
  </si>
  <si>
    <t>定位置に戻るなどの動き</t>
    <rPh sb="0" eb="3">
      <t>テイイチ</t>
    </rPh>
    <rPh sb="4" eb="5">
      <t>モド</t>
    </rPh>
    <rPh sb="9" eb="10">
      <t>ウゴ</t>
    </rPh>
    <phoneticPr fontId="1"/>
  </si>
  <si>
    <t>基本的なバット操作</t>
    <rPh sb="0" eb="3">
      <t>キホンテキ</t>
    </rPh>
    <rPh sb="7" eb="9">
      <t>ソウサ</t>
    </rPh>
    <phoneticPr fontId="1"/>
  </si>
  <si>
    <t>走塁</t>
    <rPh sb="0" eb="2">
      <t>ソウルイ</t>
    </rPh>
    <phoneticPr fontId="1"/>
  </si>
  <si>
    <t>定位置での守備</t>
    <rPh sb="0" eb="3">
      <t>テイイチ</t>
    </rPh>
    <rPh sb="5" eb="7">
      <t>シュビ</t>
    </rPh>
    <phoneticPr fontId="1"/>
  </si>
  <si>
    <t>●</t>
    <phoneticPr fontId="1"/>
  </si>
  <si>
    <t>中学校第1学年（バスケットボール）</t>
    <rPh sb="0" eb="3">
      <t>チュウガッコウ</t>
    </rPh>
    <rPh sb="3" eb="4">
      <t>ダイ</t>
    </rPh>
    <rPh sb="5" eb="7">
      <t>ガクネン</t>
    </rPh>
    <phoneticPr fontId="1"/>
  </si>
  <si>
    <t>中学校第2学年（サッカー）</t>
    <rPh sb="0" eb="3">
      <t>チュウガッコウ</t>
    </rPh>
    <rPh sb="3" eb="4">
      <t>ダイ</t>
    </rPh>
    <rPh sb="5" eb="7">
      <t>ガクネン</t>
    </rPh>
    <phoneticPr fontId="1"/>
  </si>
  <si>
    <t>第1学年　10時間</t>
    <rPh sb="0" eb="1">
      <t>ダイ</t>
    </rPh>
    <rPh sb="2" eb="4">
      <t>ガクネン</t>
    </rPh>
    <rPh sb="7" eb="9">
      <t>ジカン</t>
    </rPh>
    <phoneticPr fontId="1"/>
  </si>
  <si>
    <t>第1学年　8時間</t>
    <rPh sb="0" eb="1">
      <t>ダイ</t>
    </rPh>
    <rPh sb="2" eb="4">
      <t>ガクネン</t>
    </rPh>
    <rPh sb="6" eb="8">
      <t>ジカン</t>
    </rPh>
    <phoneticPr fontId="1"/>
  </si>
  <si>
    <t>第2学年　10時間</t>
    <rPh sb="0" eb="1">
      <t>ダイ</t>
    </rPh>
    <rPh sb="2" eb="4">
      <t>ガクネン</t>
    </rPh>
    <rPh sb="7" eb="9">
      <t>ジカン</t>
    </rPh>
    <phoneticPr fontId="1"/>
  </si>
  <si>
    <t>指導事項</t>
    <rPh sb="0" eb="2">
      <t>シドウ</t>
    </rPh>
    <rPh sb="2" eb="4">
      <t>ジコウ</t>
    </rPh>
    <phoneticPr fontId="1"/>
  </si>
  <si>
    <t>態度</t>
    <rPh sb="0" eb="2">
      <t>タイド</t>
    </rPh>
    <phoneticPr fontId="1"/>
  </si>
  <si>
    <t>指導と評価の計画【E 球技】　　　　　　　　　　　　　　　　　　　</t>
    <rPh sb="0" eb="2">
      <t>シドウ</t>
    </rPh>
    <rPh sb="3" eb="5">
      <t>ヒョウカ</t>
    </rPh>
    <rPh sb="6" eb="8">
      <t>ケイカク</t>
    </rPh>
    <rPh sb="11" eb="13">
      <t>キュウギ</t>
    </rPh>
    <phoneticPr fontId="1"/>
  </si>
  <si>
    <t>集団対集団、個人対個人で攻防を展開し、勝敗を競う楽しさや喜びを味わえる特性があること【球技の特性】</t>
    <rPh sb="0" eb="2">
      <t>シュウダン</t>
    </rPh>
    <rPh sb="2" eb="3">
      <t>タイ</t>
    </rPh>
    <rPh sb="3" eb="5">
      <t>シュウダン</t>
    </rPh>
    <rPh sb="6" eb="8">
      <t>コジン</t>
    </rPh>
    <rPh sb="8" eb="9">
      <t>タイ</t>
    </rPh>
    <rPh sb="9" eb="11">
      <t>コジン</t>
    </rPh>
    <rPh sb="12" eb="14">
      <t>コウボウ</t>
    </rPh>
    <rPh sb="15" eb="17">
      <t>テンカイ</t>
    </rPh>
    <rPh sb="19" eb="21">
      <t>ショウハイ</t>
    </rPh>
    <rPh sb="22" eb="23">
      <t>キソ</t>
    </rPh>
    <rPh sb="24" eb="25">
      <t>タノ</t>
    </rPh>
    <rPh sb="28" eb="29">
      <t>ヨロコ</t>
    </rPh>
    <rPh sb="31" eb="32">
      <t>アジ</t>
    </rPh>
    <rPh sb="35" eb="37">
      <t>トクセイ</t>
    </rPh>
    <rPh sb="43" eb="45">
      <t>キュウギ</t>
    </rPh>
    <rPh sb="46" eb="48">
      <t>トクセイ</t>
    </rPh>
    <phoneticPr fontId="1"/>
  </si>
  <si>
    <t>ゴール方向に守備者がいない位置でシュートをすること</t>
    <rPh sb="3" eb="5">
      <t>ホウコウ</t>
    </rPh>
    <rPh sb="6" eb="8">
      <t>シュビ</t>
    </rPh>
    <rPh sb="8" eb="9">
      <t>シャ</t>
    </rPh>
    <rPh sb="13" eb="15">
      <t>イチ</t>
    </rPh>
    <phoneticPr fontId="1"/>
  </si>
  <si>
    <t>マークされていない味方にパスを出すこと</t>
    <rPh sb="9" eb="11">
      <t>ミカタ</t>
    </rPh>
    <rPh sb="15" eb="16">
      <t>ダ</t>
    </rPh>
    <phoneticPr fontId="1"/>
  </si>
  <si>
    <t>得点しやすい空間にいる味方にパスを出すこと</t>
    <rPh sb="0" eb="2">
      <t>トクテン</t>
    </rPh>
    <rPh sb="6" eb="8">
      <t>クウカン</t>
    </rPh>
    <rPh sb="11" eb="13">
      <t>ミカタ</t>
    </rPh>
    <rPh sb="17" eb="18">
      <t>ダ</t>
    </rPh>
    <phoneticPr fontId="1"/>
  </si>
  <si>
    <t>パスやドリブルなどでボールをキープすること</t>
    <phoneticPr fontId="1"/>
  </si>
  <si>
    <t>ボールとゴールが同時に見える場所に立つこと</t>
    <rPh sb="8" eb="10">
      <t>ドウジ</t>
    </rPh>
    <rPh sb="11" eb="12">
      <t>ミ</t>
    </rPh>
    <rPh sb="14" eb="16">
      <t>バショ</t>
    </rPh>
    <rPh sb="17" eb="18">
      <t>タ</t>
    </rPh>
    <phoneticPr fontId="1"/>
  </si>
  <si>
    <t>パスを受けるために、ゴール前の空いている場所に動くこと</t>
    <rPh sb="3" eb="4">
      <t>ウ</t>
    </rPh>
    <rPh sb="13" eb="14">
      <t>マエ</t>
    </rPh>
    <rPh sb="15" eb="16">
      <t>ア</t>
    </rPh>
    <rPh sb="20" eb="22">
      <t>バショ</t>
    </rPh>
    <rPh sb="23" eb="24">
      <t>ウゴ</t>
    </rPh>
    <phoneticPr fontId="1"/>
  </si>
  <si>
    <t>ボールを持っている相手をマークすること</t>
    <rPh sb="4" eb="5">
      <t>モ</t>
    </rPh>
    <rPh sb="9" eb="11">
      <t>アイテ</t>
    </rPh>
    <phoneticPr fontId="1"/>
  </si>
  <si>
    <t>サービスでは、ボールやラケットの中心付近で捉えること</t>
    <rPh sb="16" eb="18">
      <t>チュウシン</t>
    </rPh>
    <rPh sb="18" eb="20">
      <t>フキン</t>
    </rPh>
    <rPh sb="21" eb="22">
      <t>トラ</t>
    </rPh>
    <phoneticPr fontId="1"/>
  </si>
  <si>
    <t>ボールを返す方向にラケット面を向けて打つこと</t>
    <rPh sb="4" eb="5">
      <t>カエ</t>
    </rPh>
    <rPh sb="6" eb="8">
      <t>ホウコウ</t>
    </rPh>
    <rPh sb="13" eb="14">
      <t>メン</t>
    </rPh>
    <rPh sb="15" eb="16">
      <t>ム</t>
    </rPh>
    <rPh sb="18" eb="19">
      <t>ウ</t>
    </rPh>
    <phoneticPr fontId="1"/>
  </si>
  <si>
    <t>味方が操作しやすい位置にボールをつなぐこと</t>
    <rPh sb="0" eb="2">
      <t>ミカタ</t>
    </rPh>
    <rPh sb="3" eb="5">
      <t>ソウサ</t>
    </rPh>
    <rPh sb="9" eb="11">
      <t>イチ</t>
    </rPh>
    <phoneticPr fontId="1"/>
  </si>
  <si>
    <t>相手側のコートの空いた場所にボールを返すこと</t>
    <rPh sb="0" eb="2">
      <t>アイテ</t>
    </rPh>
    <rPh sb="2" eb="3">
      <t>ガワ</t>
    </rPh>
    <rPh sb="8" eb="9">
      <t>ア</t>
    </rPh>
    <rPh sb="11" eb="13">
      <t>バショ</t>
    </rPh>
    <rPh sb="18" eb="19">
      <t>カエ</t>
    </rPh>
    <phoneticPr fontId="1"/>
  </si>
  <si>
    <t>テイクバックをとって肩より高い位置からボールを打ち込むこと</t>
    <rPh sb="10" eb="11">
      <t>カタ</t>
    </rPh>
    <rPh sb="13" eb="14">
      <t>タカ</t>
    </rPh>
    <rPh sb="15" eb="17">
      <t>イチ</t>
    </rPh>
    <rPh sb="23" eb="24">
      <t>ウ</t>
    </rPh>
    <rPh sb="25" eb="26">
      <t>コ</t>
    </rPh>
    <phoneticPr fontId="1"/>
  </si>
  <si>
    <t>相手の打球に備えた準備姿勢をとること</t>
    <rPh sb="0" eb="2">
      <t>アイテ</t>
    </rPh>
    <rPh sb="3" eb="5">
      <t>ダキュウ</t>
    </rPh>
    <rPh sb="6" eb="7">
      <t>ソナ</t>
    </rPh>
    <rPh sb="9" eb="11">
      <t>ジュンビ</t>
    </rPh>
    <rPh sb="11" eb="13">
      <t>シセイ</t>
    </rPh>
    <phoneticPr fontId="1"/>
  </si>
  <si>
    <t>プレイを開始するときは、各ポジションの定位置に戻ること</t>
    <rPh sb="4" eb="6">
      <t>カイシ</t>
    </rPh>
    <rPh sb="12" eb="13">
      <t>カク</t>
    </rPh>
    <rPh sb="19" eb="22">
      <t>テイイチ</t>
    </rPh>
    <rPh sb="23" eb="24">
      <t>モド</t>
    </rPh>
    <phoneticPr fontId="1"/>
  </si>
  <si>
    <t>ボールを打ったり受けたりした後、ボールや相手に正対すること</t>
    <rPh sb="4" eb="5">
      <t>ウ</t>
    </rPh>
    <rPh sb="8" eb="9">
      <t>ウ</t>
    </rPh>
    <rPh sb="14" eb="15">
      <t>アト</t>
    </rPh>
    <rPh sb="20" eb="22">
      <t>アイテ</t>
    </rPh>
    <rPh sb="23" eb="25">
      <t>セイタイ</t>
    </rPh>
    <phoneticPr fontId="1"/>
  </si>
  <si>
    <t>投球の方向と平行に立ち、肩越しにバットを構えること</t>
    <rPh sb="0" eb="2">
      <t>トウキュウ</t>
    </rPh>
    <rPh sb="3" eb="5">
      <t>ホウコウ</t>
    </rPh>
    <rPh sb="6" eb="8">
      <t>ヘイコウ</t>
    </rPh>
    <rPh sb="9" eb="10">
      <t>タ</t>
    </rPh>
    <rPh sb="12" eb="14">
      <t>カタゴ</t>
    </rPh>
    <rPh sb="20" eb="21">
      <t>カマ</t>
    </rPh>
    <phoneticPr fontId="1"/>
  </si>
  <si>
    <t>地面と水平になるようにバットを振り抜くこと</t>
    <rPh sb="0" eb="2">
      <t>ジメン</t>
    </rPh>
    <rPh sb="3" eb="5">
      <t>スイヘイ</t>
    </rPh>
    <rPh sb="15" eb="16">
      <t>フ</t>
    </rPh>
    <rPh sb="17" eb="18">
      <t>ヌ</t>
    </rPh>
    <phoneticPr fontId="1"/>
  </si>
  <si>
    <t>スピードを落とさずに、タイミングを合わせて塁を駆け抜けること</t>
    <rPh sb="5" eb="6">
      <t>オ</t>
    </rPh>
    <rPh sb="17" eb="18">
      <t>ア</t>
    </rPh>
    <rPh sb="21" eb="22">
      <t>ルイ</t>
    </rPh>
    <rPh sb="23" eb="24">
      <t>カ</t>
    </rPh>
    <rPh sb="25" eb="26">
      <t>ヌ</t>
    </rPh>
    <phoneticPr fontId="1"/>
  </si>
  <si>
    <t>打球の状況によって塁を進んだり戻ったりすること</t>
    <rPh sb="0" eb="2">
      <t>ダキュウ</t>
    </rPh>
    <rPh sb="3" eb="5">
      <t>ジョウキョウ</t>
    </rPh>
    <rPh sb="9" eb="10">
      <t>ルイ</t>
    </rPh>
    <rPh sb="11" eb="12">
      <t>スス</t>
    </rPh>
    <rPh sb="15" eb="16">
      <t>モド</t>
    </rPh>
    <phoneticPr fontId="1"/>
  </si>
  <si>
    <t>ボールの正面に回り込んで、緩い打球を捕ること</t>
    <rPh sb="4" eb="6">
      <t>ショウメン</t>
    </rPh>
    <rPh sb="7" eb="8">
      <t>マワ</t>
    </rPh>
    <rPh sb="9" eb="10">
      <t>コ</t>
    </rPh>
    <rPh sb="13" eb="14">
      <t>ユル</t>
    </rPh>
    <rPh sb="15" eb="17">
      <t>ダキュウ</t>
    </rPh>
    <rPh sb="18" eb="19">
      <t>ト</t>
    </rPh>
    <phoneticPr fontId="1"/>
  </si>
  <si>
    <t>守備位置から塁上へ移動して、味方からの送球を受けること</t>
    <rPh sb="0" eb="2">
      <t>シュビ</t>
    </rPh>
    <rPh sb="2" eb="4">
      <t>イチ</t>
    </rPh>
    <rPh sb="6" eb="8">
      <t>ルイジョウ</t>
    </rPh>
    <rPh sb="9" eb="11">
      <t>イドウ</t>
    </rPh>
    <rPh sb="14" eb="16">
      <t>ミカタ</t>
    </rPh>
    <rPh sb="19" eb="21">
      <t>ソウキュウ</t>
    </rPh>
    <rPh sb="22" eb="23">
      <t>ウ</t>
    </rPh>
    <phoneticPr fontId="1"/>
  </si>
  <si>
    <t>決められた守備位置に繰り返し立ち、準備姿勢をとること</t>
    <rPh sb="0" eb="1">
      <t>キ</t>
    </rPh>
    <rPh sb="5" eb="7">
      <t>シュビ</t>
    </rPh>
    <rPh sb="7" eb="9">
      <t>イチ</t>
    </rPh>
    <rPh sb="10" eb="11">
      <t>ク</t>
    </rPh>
    <rPh sb="12" eb="13">
      <t>カエ</t>
    </rPh>
    <rPh sb="14" eb="15">
      <t>タ</t>
    </rPh>
    <rPh sb="17" eb="19">
      <t>ジュンビ</t>
    </rPh>
    <rPh sb="19" eb="21">
      <t>シセイ</t>
    </rPh>
    <phoneticPr fontId="1"/>
  </si>
  <si>
    <t>球技の学習に積極的に取り組もうとすること</t>
    <phoneticPr fontId="1"/>
  </si>
  <si>
    <t>作戦などについての話合いに参加しようとすること</t>
  </si>
  <si>
    <t>一人一人の違いに応じた課題や挑戦及び修正などを認めようとすること</t>
    <phoneticPr fontId="1"/>
  </si>
  <si>
    <t>健康・安全に留意すること</t>
    <rPh sb="0" eb="2">
      <t>ケンコウ</t>
    </rPh>
    <rPh sb="3" eb="5">
      <t>アンゼン</t>
    </rPh>
    <rPh sb="6" eb="8">
      <t>リュウイ</t>
    </rPh>
    <phoneticPr fontId="1"/>
  </si>
  <si>
    <t>学校で行う球技は近代になって開発され、今日では、オリンピック・パラリンピック競技大会においても主要な競技として行われていること【成り立ち】</t>
    <rPh sb="64" eb="65">
      <t>ナ</t>
    </rPh>
    <rPh sb="66" eb="67">
      <t>タ</t>
    </rPh>
    <phoneticPr fontId="1"/>
  </si>
  <si>
    <t>球技の各型の各種目において用いられる技術には名称があり、それらを身に付けるためのポイントがあること【技術の名称や行い方①】</t>
    <rPh sb="50" eb="52">
      <t>ギジュツ</t>
    </rPh>
    <rPh sb="53" eb="55">
      <t>メイショウ</t>
    </rPh>
    <rPh sb="56" eb="57">
      <t>オコナ</t>
    </rPh>
    <rPh sb="58" eb="59">
      <t>カタ</t>
    </rPh>
    <phoneticPr fontId="1"/>
  </si>
  <si>
    <t>対戦相手との競争において、技能の程度に応じた作戦や戦術を選ぶことが有効であること【技術の名称や行い方②】</t>
    <rPh sb="41" eb="43">
      <t>ギジュツ</t>
    </rPh>
    <rPh sb="44" eb="46">
      <t>メイショウ</t>
    </rPh>
    <rPh sb="47" eb="48">
      <t>オコナ</t>
    </rPh>
    <rPh sb="49" eb="50">
      <t>カタ</t>
    </rPh>
    <phoneticPr fontId="1"/>
  </si>
  <si>
    <t>球技は、それぞれの型や運動種目によって主として高まる体力要素が異なること【関連して高まる体力】</t>
    <rPh sb="37" eb="39">
      <t>カンレン</t>
    </rPh>
    <rPh sb="41" eb="42">
      <t>タカ</t>
    </rPh>
    <rPh sb="44" eb="46">
      <t>タイリョク</t>
    </rPh>
    <phoneticPr fontId="1"/>
  </si>
  <si>
    <t>投げる腕を後方に引きながら投げ手と反対側の足を踏み出し、体重を移動させながら、大きな動作でねらった方向にボールを投げること</t>
  </si>
  <si>
    <t>各ポジションの役割に応じて、ベースカバーやバックアップの基本的
な動きをすること</t>
  </si>
  <si>
    <t>思考力、　　　　　　　判断力、　　　　　表現力等</t>
    <rPh sb="0" eb="3">
      <t>シコウリョク</t>
    </rPh>
    <rPh sb="11" eb="14">
      <t>ハンダンリョク</t>
    </rPh>
    <rPh sb="20" eb="23">
      <t>ヒョウゲンリョク</t>
    </rPh>
    <rPh sb="23" eb="24">
      <t>ナド</t>
    </rPh>
    <phoneticPr fontId="1"/>
  </si>
  <si>
    <t>提示された動きのポイントやつまずきの事例を参考に、仲間の課題や出来映えを伝えること</t>
  </si>
  <si>
    <t>提供された練習方法から、自己やチームの課題に応じた練習方法を選ぶこと</t>
  </si>
  <si>
    <t>学習した安全上の留意点を、他の学習場面に当てはめ、仲間に伝えること</t>
  </si>
  <si>
    <t>練習やゲームの場面で、最善を尽くす、フェアなプレイなどのよい取組を見付け、理由を添えて他者に伝えること</t>
  </si>
  <si>
    <t>仲間と協力する場面で、分担した役割に応じた活動の仕方を見付けること</t>
  </si>
  <si>
    <t>仲間と話し合う場面で、提示された参加の仕方に当てはめ、チームへの関わり方を見付けること</t>
  </si>
  <si>
    <t>体力や技能の程度、性別等の違いを踏まえて、仲間とともに楽しむための練習やゲームを行う方法を見付け、仲間に伝えること</t>
  </si>
  <si>
    <t>学ぶに向かう力、人間性等</t>
    <rPh sb="0" eb="1">
      <t>マナ</t>
    </rPh>
    <rPh sb="3" eb="4">
      <t>ム</t>
    </rPh>
    <rPh sb="6" eb="7">
      <t>チカラ</t>
    </rPh>
    <rPh sb="8" eb="11">
      <t>ニンゲンセイ</t>
    </rPh>
    <rPh sb="11" eb="12">
      <t>ナド</t>
    </rPh>
    <phoneticPr fontId="1"/>
  </si>
  <si>
    <t>マナーを守ったり相手の健闘を認めたりして、フェアなプレイを守ろうとすること</t>
  </si>
  <si>
    <t>練習の補助をしたり仲間に助言したりして、仲間の学習を援助しようとすること</t>
  </si>
  <si>
    <t>単元
目標</t>
    <rPh sb="0" eb="2">
      <t>タンゲン</t>
    </rPh>
    <rPh sb="3" eb="5">
      <t>モクヒョウ</t>
    </rPh>
    <phoneticPr fontId="1"/>
  </si>
  <si>
    <t>思考力、判断力、表現力等</t>
    <rPh sb="0" eb="3">
      <t>シコウリョク</t>
    </rPh>
    <rPh sb="4" eb="7">
      <t>ハンダンリョク</t>
    </rPh>
    <rPh sb="8" eb="11">
      <t>ヒョウゲンリョク</t>
    </rPh>
    <rPh sb="11" eb="12">
      <t>トウ</t>
    </rPh>
    <phoneticPr fontId="1"/>
  </si>
  <si>
    <t>学びに向かう力、人間性等</t>
    <rPh sb="0" eb="1">
      <t>マナ</t>
    </rPh>
    <rPh sb="3" eb="4">
      <t>ム</t>
    </rPh>
    <rPh sb="6" eb="7">
      <t>チカラ</t>
    </rPh>
    <rPh sb="8" eb="11">
      <t>ニンゲンセイ</t>
    </rPh>
    <rPh sb="11" eb="12">
      <t>トウ</t>
    </rPh>
    <phoneticPr fontId="1"/>
  </si>
  <si>
    <t>次の運動について、勝敗を競う楽しさや喜びを味わい、球技の特性や成り立ち、技術の名称や行い方、その運動に関連して高まる体力などを理解するとともに、基本的な技能や仲間と連携した動きでゲームを展開することができるようにする。
　ア 　ゴール型では、ボール操作と空間に走り込むなどの動きによってゴール前での攻防をすることができるようにする。</t>
    <phoneticPr fontId="1"/>
  </si>
  <si>
    <t>時</t>
    <rPh sb="0" eb="1">
      <t>トキ</t>
    </rPh>
    <phoneticPr fontId="1"/>
  </si>
  <si>
    <t>評価の機会</t>
    <rPh sb="0" eb="2">
      <t>ヒョウカ</t>
    </rPh>
    <rPh sb="3" eb="5">
      <t>キカイ</t>
    </rPh>
    <phoneticPr fontId="1"/>
  </si>
  <si>
    <t>知</t>
    <rPh sb="0" eb="1">
      <t>チ</t>
    </rPh>
    <phoneticPr fontId="1"/>
  </si>
  <si>
    <t>技</t>
    <rPh sb="0" eb="1">
      <t>ワザ</t>
    </rPh>
    <phoneticPr fontId="1"/>
  </si>
  <si>
    <t>思</t>
    <rPh sb="0" eb="1">
      <t>シ</t>
    </rPh>
    <phoneticPr fontId="1"/>
  </si>
  <si>
    <t>態</t>
    <rPh sb="0" eb="1">
      <t>タイ</t>
    </rPh>
    <phoneticPr fontId="1"/>
  </si>
  <si>
    <t>球技に積極的に取り組むとともに、フェアなプレイを守ろうとすること、作戦などについての話合いに参加しようとすること、一人一人の違いに応じたプレイなどを認めようとすること、仲間の学習を援助しようとすることなどや、健康・安全に気を配ることができるようにする。</t>
    <phoneticPr fontId="1"/>
  </si>
  <si>
    <t>攻防などの自己の課題を発見し、合理的な解決に向けて運動の取り組み方を工夫するとともに、自己や仲間の考えたことを他者に伝えることができるようにする。</t>
    <phoneticPr fontId="1"/>
  </si>
  <si>
    <t>0
10
20
30
40
50</t>
    <phoneticPr fontId="1"/>
  </si>
  <si>
    <t>単元の評価規準
（学習活動に即した評価規準）</t>
    <rPh sb="0" eb="2">
      <t>タンゲン</t>
    </rPh>
    <rPh sb="3" eb="5">
      <t>ヒョウカ</t>
    </rPh>
    <rPh sb="5" eb="7">
      <t>キジュン</t>
    </rPh>
    <rPh sb="9" eb="11">
      <t>ガクシュウ</t>
    </rPh>
    <rPh sb="11" eb="13">
      <t>カツドウ</t>
    </rPh>
    <rPh sb="14" eb="15">
      <t>ソク</t>
    </rPh>
    <rPh sb="17" eb="19">
      <t>ヒョウカ</t>
    </rPh>
    <rPh sb="19" eb="21">
      <t>キジュン</t>
    </rPh>
    <phoneticPr fontId="1"/>
  </si>
  <si>
    <t>⑤ボールとゴールが同時に見える場所に立つことができる。（空間に走り込むなどの動き）</t>
  </si>
  <si>
    <t>③得点しやすい空間にいる味方にパスを出すことができる。（ボール操作）</t>
  </si>
  <si>
    <t>技能（ゴール型）</t>
    <rPh sb="0" eb="2">
      <t>ギノウ</t>
    </rPh>
    <rPh sb="6" eb="7">
      <t>ガタ</t>
    </rPh>
    <phoneticPr fontId="1"/>
  </si>
  <si>
    <t>技能（ネット型）</t>
    <rPh sb="0" eb="2">
      <t>ギノウ</t>
    </rPh>
    <rPh sb="6" eb="7">
      <t>ガタ</t>
    </rPh>
    <phoneticPr fontId="1"/>
  </si>
  <si>
    <t>技能（ベースボール型）</t>
    <rPh sb="0" eb="2">
      <t>ギノウ</t>
    </rPh>
    <rPh sb="9" eb="10">
      <t>ガタ</t>
    </rPh>
    <phoneticPr fontId="1"/>
  </si>
  <si>
    <t>①提示された動きのポイントやつまずきの事例を参考に，仲間の課題や出来映えを伝えている。</t>
    <rPh sb="34" eb="35">
      <t>バ</t>
    </rPh>
    <rPh sb="37" eb="38">
      <t>ツタ</t>
    </rPh>
    <phoneticPr fontId="1"/>
  </si>
  <si>
    <t>思考・判断・  表現</t>
    <rPh sb="0" eb="2">
      <t>シコウ</t>
    </rPh>
    <rPh sb="3" eb="5">
      <t>ハンダン</t>
    </rPh>
    <rPh sb="8" eb="10">
      <t>ヒョウゲン</t>
    </rPh>
    <phoneticPr fontId="1"/>
  </si>
  <si>
    <t>①球技には，集団対集団，個人対個人で攻防を展開し，勝敗を競う楽しさや喜びを味わえる特性があることについて言ったり書き出したりしている。</t>
    <rPh sb="1" eb="3">
      <t>キュウギ</t>
    </rPh>
    <rPh sb="6" eb="8">
      <t>シュウダン</t>
    </rPh>
    <rPh sb="8" eb="9">
      <t>タイ</t>
    </rPh>
    <rPh sb="9" eb="11">
      <t>シュウダン</t>
    </rPh>
    <rPh sb="12" eb="14">
      <t>コジン</t>
    </rPh>
    <rPh sb="14" eb="15">
      <t>タイ</t>
    </rPh>
    <rPh sb="15" eb="17">
      <t>コジン</t>
    </rPh>
    <rPh sb="18" eb="20">
      <t>コウボウ</t>
    </rPh>
    <rPh sb="21" eb="23">
      <t>テンカイ</t>
    </rPh>
    <rPh sb="25" eb="27">
      <t>ショウハイ</t>
    </rPh>
    <rPh sb="28" eb="29">
      <t>キソ</t>
    </rPh>
    <rPh sb="30" eb="31">
      <t>タノ</t>
    </rPh>
    <rPh sb="34" eb="35">
      <t>ヨロコ</t>
    </rPh>
    <rPh sb="37" eb="38">
      <t>アジ</t>
    </rPh>
    <rPh sb="41" eb="43">
      <t>トクセイ</t>
    </rPh>
    <rPh sb="52" eb="53">
      <t>イ</t>
    </rPh>
    <rPh sb="56" eb="57">
      <t>カ</t>
    </rPh>
    <rPh sb="58" eb="59">
      <t>ダ</t>
    </rPh>
    <phoneticPr fontId="1"/>
  </si>
  <si>
    <t>③球技の各型において用いられる技術には名称があり，それらを身に付けるためのポイントがあり，それらを身に付けるためのポイントがあることについて，学習した具体例を挙げている。</t>
    <rPh sb="1" eb="3">
      <t>キュウギ</t>
    </rPh>
    <rPh sb="4" eb="6">
      <t>カクカタ</t>
    </rPh>
    <rPh sb="10" eb="11">
      <t>モチ</t>
    </rPh>
    <rPh sb="15" eb="17">
      <t>ギジュツ</t>
    </rPh>
    <rPh sb="19" eb="21">
      <t>メイショウ</t>
    </rPh>
    <rPh sb="29" eb="30">
      <t>ミ</t>
    </rPh>
    <rPh sb="31" eb="32">
      <t>ツ</t>
    </rPh>
    <rPh sb="49" eb="50">
      <t>ミ</t>
    </rPh>
    <rPh sb="51" eb="52">
      <t>ツ</t>
    </rPh>
    <rPh sb="71" eb="73">
      <t>ガクシュウ</t>
    </rPh>
    <rPh sb="75" eb="77">
      <t>グタイ</t>
    </rPh>
    <rPh sb="77" eb="78">
      <t>レイ</t>
    </rPh>
    <rPh sb="79" eb="80">
      <t>ア</t>
    </rPh>
    <phoneticPr fontId="1"/>
  </si>
  <si>
    <t>授業づくりのポイント</t>
    <rPh sb="0" eb="2">
      <t>ジュギョウ</t>
    </rPh>
    <phoneticPr fontId="1"/>
  </si>
  <si>
    <t>評価方法</t>
    <rPh sb="0" eb="2">
      <t>ヒョウカ</t>
    </rPh>
    <rPh sb="2" eb="4">
      <t>ホウホウ</t>
    </rPh>
    <phoneticPr fontId="1"/>
  </si>
  <si>
    <t>単元計画表</t>
    <rPh sb="0" eb="2">
      <t>タンゲン</t>
    </rPh>
    <rPh sb="2" eb="4">
      <t>ケイカク</t>
    </rPh>
    <rPh sb="4" eb="5">
      <t>ヒョウ</t>
    </rPh>
    <phoneticPr fontId="1"/>
  </si>
  <si>
    <t>知識及び技能</t>
    <rPh sb="0" eb="2">
      <t>チシキ</t>
    </rPh>
    <rPh sb="2" eb="3">
      <t>オヨ</t>
    </rPh>
    <rPh sb="4" eb="6">
      <t>ギノウ</t>
    </rPh>
    <phoneticPr fontId="1"/>
  </si>
  <si>
    <t>単元名：　「球技：ゴール型（サッカー）」
内容のまとまり：　第１学年及び第２学年「E　球技」</t>
    <rPh sb="0" eb="3">
      <t>タンゲンメイ</t>
    </rPh>
    <rPh sb="6" eb="8">
      <t>キュウギ</t>
    </rPh>
    <rPh sb="12" eb="13">
      <t>ガタ</t>
    </rPh>
    <rPh sb="21" eb="23">
      <t>ナイヨウ</t>
    </rPh>
    <rPh sb="30" eb="31">
      <t>ダイ</t>
    </rPh>
    <rPh sb="32" eb="34">
      <t>ガクネン</t>
    </rPh>
    <rPh sb="34" eb="35">
      <t>オヨ</t>
    </rPh>
    <rPh sb="36" eb="37">
      <t>ダイ</t>
    </rPh>
    <rPh sb="38" eb="40">
      <t>ガクネン</t>
    </rPh>
    <rPh sb="43" eb="45">
      <t>キュウギ</t>
    </rPh>
    <phoneticPr fontId="1"/>
  </si>
  <si>
    <t>技能【ゴール型】</t>
  </si>
  <si>
    <t>①ゴール方向に守備者がいない位置でシュートをすることができる。（ボール操作）</t>
  </si>
  <si>
    <t>⑤仲間と協力する場面で，分担した役割に応じた活動の仕方を見付けている。</t>
  </si>
  <si>
    <t>⑥仲間と話し合う場面で，提示された参加の仕方に当てはめ，チームへの関わり方を見付けている。</t>
  </si>
  <si>
    <t>⑤練習の補助をしたり仲間に助言したりして，仲間の学習を援助しようとしている。</t>
  </si>
  <si>
    <t>⑥健康・安全に留意している。</t>
  </si>
  <si>
    <t>総括的評価</t>
    <rPh sb="0" eb="3">
      <t>ソウカツテキ</t>
    </rPh>
    <rPh sb="3" eb="5">
      <t>ヒョウカ</t>
    </rPh>
    <phoneticPr fontId="1"/>
  </si>
  <si>
    <t>学習カード</t>
    <rPh sb="0" eb="2">
      <t>ガクシュウ</t>
    </rPh>
    <phoneticPr fontId="1"/>
  </si>
  <si>
    <t>観察、記録</t>
    <rPh sb="0" eb="2">
      <t>カンサツ</t>
    </rPh>
    <rPh sb="3" eb="5">
      <t>キロク</t>
    </rPh>
    <phoneticPr fontId="1"/>
  </si>
  <si>
    <t>観察、学習カード</t>
    <rPh sb="0" eb="2">
      <t>カンサツ</t>
    </rPh>
    <rPh sb="3" eb="5">
      <t>ガクシュウ</t>
    </rPh>
    <phoneticPr fontId="1"/>
  </si>
  <si>
    <t>・３つの資質・能力の内容をバランスよく指導する。
・ゴール前の空間をめぐる攻防をめぐる学習に課題を追求しやすいように、プレイヤーの人数、コートの広さや用具、プレイ上の制限を工夫したゲームを取り入れる。
・練習やゲームでは、即時にアドバイスをし合えるよう考慮する。（前半はチーム内、後半は兄弟チーム）
・毎時の学習の振り返りで、学んだことを再確認し、次時につながるよう指導する。
・仲間への助言や安全に留意する意義などの理解と具体的な取り組み方を結び付けて指導する。</t>
    <rPh sb="4" eb="6">
      <t>シシツ</t>
    </rPh>
    <rPh sb="7" eb="9">
      <t>ノウリョク</t>
    </rPh>
    <rPh sb="10" eb="12">
      <t>ナイヨウ</t>
    </rPh>
    <rPh sb="19" eb="21">
      <t>シドウ</t>
    </rPh>
    <rPh sb="29" eb="30">
      <t>マエ</t>
    </rPh>
    <rPh sb="31" eb="33">
      <t>クウカン</t>
    </rPh>
    <rPh sb="37" eb="39">
      <t>コウボウ</t>
    </rPh>
    <rPh sb="43" eb="45">
      <t>ガクシュウ</t>
    </rPh>
    <rPh sb="46" eb="48">
      <t>カダイ</t>
    </rPh>
    <rPh sb="49" eb="51">
      <t>ツイキュウ</t>
    </rPh>
    <rPh sb="65" eb="67">
      <t>ニンズウ</t>
    </rPh>
    <rPh sb="72" eb="73">
      <t>ヒロ</t>
    </rPh>
    <rPh sb="75" eb="77">
      <t>ヨウグ</t>
    </rPh>
    <rPh sb="81" eb="82">
      <t>ジョウ</t>
    </rPh>
    <rPh sb="83" eb="85">
      <t>セイゲン</t>
    </rPh>
    <rPh sb="86" eb="88">
      <t>クフウ</t>
    </rPh>
    <rPh sb="94" eb="95">
      <t>ト</t>
    </rPh>
    <rPh sb="96" eb="97">
      <t>イ</t>
    </rPh>
    <rPh sb="102" eb="104">
      <t>レンシュウ</t>
    </rPh>
    <rPh sb="111" eb="113">
      <t>ソクジ</t>
    </rPh>
    <rPh sb="121" eb="122">
      <t>ア</t>
    </rPh>
    <rPh sb="126" eb="128">
      <t>コウリョ</t>
    </rPh>
    <rPh sb="132" eb="134">
      <t>ゼンハン</t>
    </rPh>
    <rPh sb="138" eb="139">
      <t>ナイ</t>
    </rPh>
    <rPh sb="140" eb="142">
      <t>コウハン</t>
    </rPh>
    <rPh sb="143" eb="145">
      <t>キョウダイ</t>
    </rPh>
    <rPh sb="151" eb="153">
      <t>マイジ</t>
    </rPh>
    <rPh sb="154" eb="156">
      <t>ガクシュウ</t>
    </rPh>
    <rPh sb="157" eb="158">
      <t>フ</t>
    </rPh>
    <rPh sb="159" eb="160">
      <t>カエ</t>
    </rPh>
    <rPh sb="163" eb="164">
      <t>マナ</t>
    </rPh>
    <rPh sb="169" eb="172">
      <t>サイカクニン</t>
    </rPh>
    <rPh sb="183" eb="185">
      <t>シドウ</t>
    </rPh>
    <rPh sb="190" eb="192">
      <t>ナカマ</t>
    </rPh>
    <rPh sb="194" eb="196">
      <t>ジョゲン</t>
    </rPh>
    <rPh sb="197" eb="199">
      <t>アンゼン</t>
    </rPh>
    <rPh sb="200" eb="202">
      <t>リュウイ</t>
    </rPh>
    <rPh sb="204" eb="206">
      <t>イギ</t>
    </rPh>
    <rPh sb="209" eb="211">
      <t>リカイ</t>
    </rPh>
    <rPh sb="212" eb="215">
      <t>グタイテキ</t>
    </rPh>
    <rPh sb="216" eb="217">
      <t>ト</t>
    </rPh>
    <rPh sb="218" eb="219">
      <t>ク</t>
    </rPh>
    <rPh sb="220" eb="221">
      <t>カタ</t>
    </rPh>
    <rPh sb="222" eb="223">
      <t>ムス</t>
    </rPh>
    <rPh sb="224" eb="225">
      <t>ツ</t>
    </rPh>
    <rPh sb="227" eb="229">
      <t>シドウ</t>
    </rPh>
    <phoneticPr fontId="1"/>
  </si>
  <si>
    <t>第2学年　12時間</t>
    <rPh sb="0" eb="1">
      <t>ダイ</t>
    </rPh>
    <rPh sb="2" eb="4">
      <t>ガクネン</t>
    </rPh>
    <rPh sb="7" eb="9">
      <t>ジカン</t>
    </rPh>
    <phoneticPr fontId="1"/>
  </si>
  <si>
    <t>〇</t>
    <phoneticPr fontId="1"/>
  </si>
  <si>
    <t>●</t>
    <phoneticPr fontId="1"/>
  </si>
  <si>
    <t>指導日</t>
    <rPh sb="0" eb="2">
      <t>シドウ</t>
    </rPh>
    <rPh sb="2" eb="3">
      <t>ビ</t>
    </rPh>
    <phoneticPr fontId="1"/>
  </si>
  <si>
    <t>評価日</t>
    <rPh sb="0" eb="2">
      <t>ヒョウカ</t>
    </rPh>
    <rPh sb="2" eb="3">
      <t>ビ</t>
    </rPh>
    <phoneticPr fontId="1"/>
  </si>
  <si>
    <t>◎</t>
    <phoneticPr fontId="1"/>
  </si>
  <si>
    <t>指導＋評価日</t>
    <rPh sb="0" eb="2">
      <t>シドウ</t>
    </rPh>
    <rPh sb="3" eb="5">
      <t>ヒョウカ</t>
    </rPh>
    <rPh sb="5" eb="6">
      <t>ビ</t>
    </rPh>
    <phoneticPr fontId="1"/>
  </si>
  <si>
    <t>〇</t>
  </si>
  <si>
    <t>◎</t>
  </si>
  <si>
    <t>●</t>
  </si>
  <si>
    <t>⑥〇</t>
  </si>
  <si>
    <t>⑥〇</t>
    <phoneticPr fontId="1"/>
  </si>
  <si>
    <t>⑤〇</t>
  </si>
  <si>
    <t>⑤〇</t>
    <phoneticPr fontId="1"/>
  </si>
  <si>
    <t>①〇</t>
  </si>
  <si>
    <t>①〇</t>
    <phoneticPr fontId="1"/>
  </si>
  <si>
    <t>③〇</t>
  </si>
  <si>
    <t>③〇</t>
    <phoneticPr fontId="1"/>
  </si>
  <si>
    <t>⑤●</t>
  </si>
  <si>
    <t>⑤●</t>
    <phoneticPr fontId="1"/>
  </si>
  <si>
    <t>①◎</t>
  </si>
  <si>
    <t>①◎</t>
    <phoneticPr fontId="1"/>
  </si>
  <si>
    <t>③◎</t>
  </si>
  <si>
    <t>③◎</t>
    <phoneticPr fontId="1"/>
  </si>
  <si>
    <t>⑤◎</t>
  </si>
  <si>
    <t>⑥◎</t>
  </si>
  <si>
    <t>⑥◎</t>
    <phoneticPr fontId="1"/>
  </si>
  <si>
    <t>②〇</t>
    <phoneticPr fontId="1"/>
  </si>
  <si>
    <t>④〇</t>
    <phoneticPr fontId="1"/>
  </si>
  <si>
    <t>①●</t>
  </si>
  <si>
    <t>①●</t>
    <phoneticPr fontId="1"/>
  </si>
  <si>
    <t>③●</t>
  </si>
  <si>
    <t>③●</t>
    <phoneticPr fontId="1"/>
  </si>
  <si>
    <t>②●</t>
    <phoneticPr fontId="1"/>
  </si>
  <si>
    <t>④●</t>
    <phoneticPr fontId="1"/>
  </si>
  <si>
    <t>⑥●</t>
    <phoneticPr fontId="1"/>
  </si>
  <si>
    <t>⑦〇</t>
    <phoneticPr fontId="1"/>
  </si>
  <si>
    <t>⑦●</t>
    <phoneticPr fontId="1"/>
  </si>
  <si>
    <t>②◎</t>
    <phoneticPr fontId="1"/>
  </si>
  <si>
    <t>④◎</t>
    <phoneticPr fontId="1"/>
  </si>
  <si>
    <t>⑤◎</t>
    <phoneticPr fontId="1"/>
  </si>
  <si>
    <t>⑦◎</t>
    <phoneticPr fontId="1"/>
  </si>
  <si>
    <t>⑧●</t>
    <phoneticPr fontId="1"/>
  </si>
  <si>
    <t>⑨〇</t>
    <phoneticPr fontId="1"/>
  </si>
  <si>
    <t>②●</t>
  </si>
  <si>
    <t>④●</t>
  </si>
  <si>
    <t>②◎</t>
  </si>
  <si>
    <t>②〇</t>
  </si>
  <si>
    <t>④〇</t>
  </si>
  <si>
    <t>⑦◎</t>
  </si>
  <si>
    <t>⑥●</t>
  </si>
  <si>
    <t>⑦●</t>
  </si>
  <si>
    <t>①サッカー</t>
    <phoneticPr fontId="1"/>
  </si>
  <si>
    <t>⑤バスケットボール</t>
    <phoneticPr fontId="1"/>
  </si>
  <si>
    <t>安定したボール操作</t>
    <rPh sb="0" eb="2">
      <t>アンテイ</t>
    </rPh>
    <rPh sb="7" eb="9">
      <t>ソウサ</t>
    </rPh>
    <phoneticPr fontId="1"/>
  </si>
  <si>
    <t>空間を作りだすなどの動き</t>
    <rPh sb="0" eb="2">
      <t>クウカン</t>
    </rPh>
    <rPh sb="3" eb="4">
      <t>ツク</t>
    </rPh>
    <rPh sb="10" eb="11">
      <t>ウゴ</t>
    </rPh>
    <phoneticPr fontId="1"/>
  </si>
  <si>
    <t>①ゴールの枠内にシュートをコントロールすること</t>
    <phoneticPr fontId="1"/>
  </si>
  <si>
    <t>②味方が操作しやすいパスを送ること</t>
    <phoneticPr fontId="1"/>
  </si>
  <si>
    <t>③守備者とボールの間に自分の体を入れてボールをキープすること</t>
    <phoneticPr fontId="1"/>
  </si>
  <si>
    <t>⑤パスを出した後に次のパスを受ける動きをすること</t>
    <phoneticPr fontId="1"/>
  </si>
  <si>
    <t>⑦ゴールとボール保持者を結んだ直線上で守ること</t>
    <phoneticPr fontId="1"/>
  </si>
  <si>
    <t>⑧ゴール前の空いている場所をカバーすること</t>
    <phoneticPr fontId="1"/>
  </si>
  <si>
    <t>役割に応じたボール操作や安定した用具の操作</t>
    <rPh sb="0" eb="2">
      <t>ヤクワリ</t>
    </rPh>
    <rPh sb="3" eb="4">
      <t>オウ</t>
    </rPh>
    <rPh sb="9" eb="11">
      <t>ソウサ</t>
    </rPh>
    <rPh sb="12" eb="14">
      <t>アンテイ</t>
    </rPh>
    <rPh sb="16" eb="18">
      <t>ヨウグ</t>
    </rPh>
    <rPh sb="19" eb="21">
      <t>ソウサ</t>
    </rPh>
    <phoneticPr fontId="1"/>
  </si>
  <si>
    <t>②ボールを相手側のコートの空いた場所やねらった場所に打ち返すこと</t>
    <phoneticPr fontId="1"/>
  </si>
  <si>
    <t>連携した動き</t>
    <rPh sb="0" eb="2">
      <t>レンケイ</t>
    </rPh>
    <rPh sb="4" eb="5">
      <t>ウゴ</t>
    </rPh>
    <phoneticPr fontId="1"/>
  </si>
  <si>
    <t>安定したバット操作</t>
    <rPh sb="0" eb="2">
      <t>アンテイ</t>
    </rPh>
    <rPh sb="7" eb="9">
      <t>ソウサ</t>
    </rPh>
    <phoneticPr fontId="1"/>
  </si>
  <si>
    <t>連携した守備</t>
    <rPh sb="0" eb="2">
      <t>レンケイ</t>
    </rPh>
    <rPh sb="4" eb="6">
      <t>シュビ</t>
    </rPh>
    <phoneticPr fontId="1"/>
  </si>
  <si>
    <t>①身体の軸を安定させてバットを振りぬくこと</t>
    <phoneticPr fontId="1"/>
  </si>
  <si>
    <t>②タイミングを合わせてボールを捉えること</t>
    <phoneticPr fontId="1"/>
  </si>
  <si>
    <t>③ねらった方向にボールを打ち返すこと</t>
    <phoneticPr fontId="1"/>
  </si>
  <si>
    <t>④スピードを落とさずに円を描くように塁間を走ること</t>
    <phoneticPr fontId="1"/>
  </si>
  <si>
    <t>①サービスでは、ボールをねらった場所に打つこと</t>
  </si>
  <si>
    <t>④ネット付近でボールの侵入を防いだり、打ち返したりすること</t>
  </si>
  <si>
    <t>⑥捕球場所へ最短距離で移動して、相手の打ったボールを捕ること</t>
  </si>
  <si>
    <t>③選択した運動に必要な準備運動や自己が取り組む補助運動を選ぶこと</t>
    <phoneticPr fontId="1"/>
  </si>
  <si>
    <t>①選択した運動について、合理的な動きと自己や仲間の動きを比較して、成果や改善すべきポイントとその理由を仲間に伝えること</t>
  </si>
  <si>
    <t>②自己や仲間の技術的な課題やチームの作戦・戦術についての課題や課題解決に有効な練習方法の選択について、自己の考えを伝えること</t>
  </si>
  <si>
    <t>④健康や安全を確保するために、体調や環境に応じた適切な練習方法等について振り返ること</t>
  </si>
  <si>
    <t>⑤ルールを守り競争したり勝敗を受け入れたりする場面で、よりよいマナーや行為について、自己の活動を振り返ること</t>
  </si>
  <si>
    <t>⑥チームで分担した役割に関する成果や改善すべきポイントについて、自己の活動を振り返ること</t>
  </si>
  <si>
    <t>⑦作戦などの話合いの場面で、合意形成するための関わり方を見付け、仲間に伝えること</t>
    <rPh sb="35" eb="36">
      <t>ツタ</t>
    </rPh>
    <phoneticPr fontId="1"/>
  </si>
  <si>
    <t>⑧体力や技能の程度、性別等の違いに配慮して、仲間とともに球技を楽しむための活動の方法や修正の仕方を見付けること</t>
  </si>
  <si>
    <t>⑨球技の学習成果を踏まえて、自己に適した「する、みる、支える、知る」などの運動を継続して楽しむための関わり方を見付けること</t>
  </si>
  <si>
    <t>球技・ネット型</t>
    <rPh sb="0" eb="2">
      <t>キュウギ</t>
    </rPh>
    <rPh sb="6" eb="7">
      <t>カタ</t>
    </rPh>
    <phoneticPr fontId="1"/>
  </si>
  <si>
    <t>球技・ベースボール型</t>
    <rPh sb="0" eb="2">
      <t>キュウギ</t>
    </rPh>
    <rPh sb="9" eb="10">
      <t>ガタ</t>
    </rPh>
    <phoneticPr fontId="1"/>
  </si>
  <si>
    <t>⑧◎</t>
    <phoneticPr fontId="1"/>
  </si>
  <si>
    <t>⑨◎</t>
    <phoneticPr fontId="1"/>
  </si>
  <si>
    <t>思考力、判断力、表現力等</t>
    <rPh sb="0" eb="3">
      <t>シコウリョク</t>
    </rPh>
    <rPh sb="4" eb="7">
      <t>ハンダンリョク</t>
    </rPh>
    <rPh sb="8" eb="11">
      <t>ヒョウゲンリョク</t>
    </rPh>
    <rPh sb="11" eb="12">
      <t>ナド</t>
    </rPh>
    <phoneticPr fontId="1"/>
  </si>
  <si>
    <t>②味方が操作しやすいパスを送ることができる。（安定したボール操作）</t>
    <rPh sb="23" eb="25">
      <t>アンテイ</t>
    </rPh>
    <phoneticPr fontId="1"/>
  </si>
  <si>
    <t>①ゴールの枠内にシュートをコントロールすることができる。（安定したボール操作）</t>
    <rPh sb="29" eb="31">
      <t>アンテイ</t>
    </rPh>
    <phoneticPr fontId="1"/>
  </si>
  <si>
    <t>③守備者とボールの間に自分の体を入れてボールをキープすることができる。（安定したボール操作）</t>
    <rPh sb="36" eb="38">
      <t>アンテイ</t>
    </rPh>
    <phoneticPr fontId="1"/>
  </si>
  <si>
    <t>⑤パスを出した後に次のパスを受ける動きをすることができる。（空間を作りだすなどの動き）</t>
    <phoneticPr fontId="1"/>
  </si>
  <si>
    <t>⑦ゴールとボール保持者を結んだ直線上で守ることができる。（空間を作りだすなどの動き）</t>
    <phoneticPr fontId="1"/>
  </si>
  <si>
    <t>⑧ゴール前の空いている場所をカバーすることができる。（空間を作りだすなどの動き）</t>
    <phoneticPr fontId="1"/>
  </si>
  <si>
    <t>①球技の各型の各種目において用いられる技術や戦術、作戦には名称があり、それらを身に付けるためのポイントがあることについて言ったり書き出したりしている。</t>
    <rPh sb="60" eb="61">
      <t>イ</t>
    </rPh>
    <rPh sb="64" eb="65">
      <t>カ</t>
    </rPh>
    <rPh sb="66" eb="67">
      <t>ダ</t>
    </rPh>
    <phoneticPr fontId="1"/>
  </si>
  <si>
    <t>②戦術や作戦に応じて、技能をゲーム中に適切に発揮することが攻防のポイントであることについて、言ったり書き出したりしている。</t>
    <rPh sb="46" eb="47">
      <t>イ</t>
    </rPh>
    <rPh sb="50" eb="51">
      <t>カ</t>
    </rPh>
    <rPh sb="52" eb="53">
      <t>ダ</t>
    </rPh>
    <phoneticPr fontId="1"/>
  </si>
  <si>
    <t>③ゲームに必要な技術と関連させた補助運動や部分練習を繰り返したり、継続して行ったりすることで、結果として体力を高めることができることについて、学習した具体例を挙げている。</t>
    <rPh sb="71" eb="73">
      <t>ガクシュウ</t>
    </rPh>
    <rPh sb="75" eb="77">
      <t>グタイ</t>
    </rPh>
    <rPh sb="77" eb="78">
      <t>レイ</t>
    </rPh>
    <rPh sb="79" eb="80">
      <t>ア</t>
    </rPh>
    <phoneticPr fontId="1"/>
  </si>
  <si>
    <t>④練習やゲーム中の技能を観察したり分析したりするには、自己観察や他者観察などの方法があることについて、学習した具体例を挙げている。</t>
    <rPh sb="51" eb="53">
      <t>ガクシュウ</t>
    </rPh>
    <rPh sb="55" eb="57">
      <t>グタイ</t>
    </rPh>
    <rPh sb="57" eb="58">
      <t>レイ</t>
    </rPh>
    <rPh sb="59" eb="60">
      <t>ア</t>
    </rPh>
    <phoneticPr fontId="1"/>
  </si>
  <si>
    <t>④ゴール前に広い空間を作りだすために、守備者を引きつけてゴールから離れることができる。（空間を作りだすなどの動き）</t>
    <rPh sb="44" eb="46">
      <t>クウカン</t>
    </rPh>
    <rPh sb="47" eb="48">
      <t>ツク</t>
    </rPh>
    <rPh sb="54" eb="55">
      <t>ウゴ</t>
    </rPh>
    <phoneticPr fontId="1"/>
  </si>
  <si>
    <t>⑥ボール保持者が進行できる空間を作りだすために、進行方向から離れることができる。（空間を作りだすなどの動き）</t>
  </si>
  <si>
    <t>②ボールを相手側のコートの空いた場所やねらった場所に打ち返すことができる。（役割に応じたボール操作や安定した用具の操作）</t>
    <phoneticPr fontId="1"/>
  </si>
  <si>
    <t>③攻撃につなげるための次のプレイをしやすい高さと位置にボールを上げるこができる。（役割に応じたボール操作や安定した用具の操作）</t>
    <phoneticPr fontId="1"/>
  </si>
  <si>
    <t>⑧連携プレイのための基本的なフォーメーションに応じた位置に動くことができる。（連携した動き）</t>
    <phoneticPr fontId="1"/>
  </si>
  <si>
    <t>①身体の軸を安定させてバットを振りぬくことができる。（安定したバット操作）</t>
    <rPh sb="27" eb="29">
      <t>アンテイ</t>
    </rPh>
    <phoneticPr fontId="1"/>
  </si>
  <si>
    <t>②タイミングを合わせてボールを捉えることができる。（安定したバット操作）</t>
    <phoneticPr fontId="1"/>
  </si>
  <si>
    <t>③ねらった方向にボールを打ち返すことができる。（安定したバット操作）</t>
    <phoneticPr fontId="1"/>
  </si>
  <si>
    <t>④スピードを落とさずに円を描くように塁間を走ることができる。（走塁）</t>
    <phoneticPr fontId="1"/>
  </si>
  <si>
    <t>③選択した運動に必要な準備運動や自己が取り組む補助運動を選んでいる。</t>
    <phoneticPr fontId="1"/>
  </si>
  <si>
    <t>①球技の学習に自主的に取り組もうとしている。</t>
    <rPh sb="7" eb="9">
      <t>ジシュ</t>
    </rPh>
    <phoneticPr fontId="1"/>
  </si>
  <si>
    <t>②相手を尊重するなどのフェアなプレイを大切にしようとしている。</t>
    <phoneticPr fontId="1"/>
  </si>
  <si>
    <t>③作戦などについての話合いに貢献しようとしている。</t>
    <phoneticPr fontId="1"/>
  </si>
  <si>
    <t>④一人一人の違いに応じた課題や挑戦及び修正などを大切にしようとしている。</t>
    <phoneticPr fontId="1"/>
  </si>
  <si>
    <t>⑥健康・安全を確保している。</t>
    <rPh sb="7" eb="9">
      <t>カクホ</t>
    </rPh>
    <phoneticPr fontId="1"/>
  </si>
  <si>
    <t>①サービスでは、ボールをねらった場所に打つことができる。（役割に応じたボール操作や安定した用具の操作）</t>
    <rPh sb="29" eb="31">
      <t>ヤクワリ</t>
    </rPh>
    <rPh sb="32" eb="33">
      <t>オウ</t>
    </rPh>
    <rPh sb="38" eb="40">
      <t>ソウサ</t>
    </rPh>
    <rPh sb="41" eb="43">
      <t>アンテイ</t>
    </rPh>
    <phoneticPr fontId="1"/>
  </si>
  <si>
    <t>①選択した運動について、合理的な動きと自己や仲間の動きを比較して、成果や改善すべきポイントとその理由を仲間に伝えている。</t>
  </si>
  <si>
    <t>②自己や仲間の技術的な課題やチームの作戦・戦術についての課題や課題解決に有効な練習方法の選択について、自己の考えを伝えている。</t>
  </si>
  <si>
    <t>④ネット付近でボールの侵入を防いだり、打ち返したりすることができる。（役割に応じたボール操作や安定した用具の操作）</t>
  </si>
  <si>
    <t>④健康や安全を確保するために、体調や環境に応じた適切な練習方法等について振り返っている。</t>
  </si>
  <si>
    <t>⑤腕やラケットを強く振って、ネットより高い位置から相手側のコートに打ち込むことができる。（役割に応じたボール操作や安定した用具の操作）</t>
  </si>
  <si>
    <t>⑤打球や守備の状況に応じた塁の回り方で、塁を進んだり戻ったりすることができる。（走塁）</t>
    <rPh sb="40" eb="42">
      <t>ソウルイ</t>
    </rPh>
    <phoneticPr fontId="1"/>
  </si>
  <si>
    <t>⑤ルールを守り競争したり勝敗を受け入れたりする場面で、よりよいマナーや行為について、自己の活動を振り返っている。</t>
  </si>
  <si>
    <t>⑤互いに練習相手になったり仲間に助言したりして、互いに助け合い教え合おうとしている。</t>
  </si>
  <si>
    <t>⑥ポジションの役割に応じて、拾ったりつないだり打ち返したりすることができる。（役割に応じたボール操作や安定した用具の操作）</t>
  </si>
  <si>
    <t>⑥捕球場所へ最短距離で移動して、相手の打ったボールを捕ることができる。（ボール操作）</t>
  </si>
  <si>
    <t>⑥チームで分担した役割に関する成果や改善すべきポイントについて、自己の活動を振り返っている。</t>
  </si>
  <si>
    <t>⑦ラリーの中で、味方の動きに合わせてコート上の空いている場所をカバーすることができる。（連携した動き）</t>
    <rPh sb="44" eb="46">
      <t>レンケイ</t>
    </rPh>
    <rPh sb="48" eb="49">
      <t>ウゴ</t>
    </rPh>
    <phoneticPr fontId="1"/>
  </si>
  <si>
    <t>⑦ねらった方向へステップを踏みながら、一連の動きでボールを投げることができる。（ボール操作）</t>
  </si>
  <si>
    <t>⑦作戦などの話合いの場面で、合意形成するための関わり方を見付け、仲間に伝えている。</t>
    <rPh sb="35" eb="36">
      <t>ツタ</t>
    </rPh>
    <phoneticPr fontId="1"/>
  </si>
  <si>
    <t>⑧仲間の送球に対して塁上でタイミングよくボールを受けたり、中継したりすることができる。（ボール操作）</t>
    <rPh sb="47" eb="49">
      <t>ソウサ</t>
    </rPh>
    <phoneticPr fontId="1"/>
  </si>
  <si>
    <t>⑧体力や技能の程度、性別等の違いに配慮して、仲間とともに球技を楽しむための活動の方法や修正の仕方を見付けている。</t>
  </si>
  <si>
    <t>⑨味方からの送球を受けるために、走者の進む先の塁に動くことができる。（連携した守備）</t>
    <rPh sb="35" eb="37">
      <t>レンケイ</t>
    </rPh>
    <rPh sb="39" eb="41">
      <t>シュビ</t>
    </rPh>
    <phoneticPr fontId="1"/>
  </si>
  <si>
    <t>⑨球技の学習成果を踏まえて、自己に適した「する、みる、支える、知る」などの運動を継続して楽しむための関わり方を見付けている。</t>
  </si>
  <si>
    <t>⑩打球や走者の位置に応じて、中継プレイに備える動きをすることができる。（連携した守備）</t>
  </si>
  <si>
    <t>評価規準一覧【球技：ゴール型】</t>
    <rPh sb="0" eb="2">
      <t>ヒョウカ</t>
    </rPh>
    <rPh sb="2" eb="4">
      <t>キジュン</t>
    </rPh>
    <rPh sb="4" eb="6">
      <t>イチラン</t>
    </rPh>
    <rPh sb="7" eb="9">
      <t>キュウギ</t>
    </rPh>
    <rPh sb="13" eb="14">
      <t>ガタ</t>
    </rPh>
    <phoneticPr fontId="1"/>
  </si>
  <si>
    <t>観点</t>
    <rPh sb="0" eb="2">
      <t>カンテン</t>
    </rPh>
    <phoneticPr fontId="1"/>
  </si>
  <si>
    <t>第１学年及び第２学年</t>
    <rPh sb="0" eb="1">
      <t>ダイ</t>
    </rPh>
    <rPh sb="2" eb="4">
      <t>ガクネン</t>
    </rPh>
    <rPh sb="4" eb="5">
      <t>オヨ</t>
    </rPh>
    <rPh sb="6" eb="7">
      <t>ダイ</t>
    </rPh>
    <rPh sb="8" eb="10">
      <t>ガクネン</t>
    </rPh>
    <phoneticPr fontId="1"/>
  </si>
  <si>
    <t>第３学年</t>
    <rPh sb="0" eb="1">
      <t>ダイ</t>
    </rPh>
    <rPh sb="2" eb="4">
      <t>ガクネン</t>
    </rPh>
    <phoneticPr fontId="1"/>
  </si>
  <si>
    <t>知識・技能
（知識）</t>
    <rPh sb="0" eb="2">
      <t>チシキ</t>
    </rPh>
    <rPh sb="3" eb="5">
      <t>ギノウ</t>
    </rPh>
    <rPh sb="7" eb="9">
      <t>チシキ</t>
    </rPh>
    <phoneticPr fontId="1"/>
  </si>
  <si>
    <t>①球技には、集団対集団、個人対個人で攻防を展開し、勝敗を競う楽しさや喜びを味わえる特性があることについて言ったり書き出したりしている。</t>
    <rPh sb="1" eb="3">
      <t>キュウギ</t>
    </rPh>
    <rPh sb="6" eb="8">
      <t>シュウダン</t>
    </rPh>
    <rPh sb="8" eb="9">
      <t>タイ</t>
    </rPh>
    <rPh sb="9" eb="11">
      <t>シュウダン</t>
    </rPh>
    <rPh sb="12" eb="14">
      <t>コジン</t>
    </rPh>
    <rPh sb="14" eb="15">
      <t>タイ</t>
    </rPh>
    <rPh sb="15" eb="17">
      <t>コジン</t>
    </rPh>
    <rPh sb="18" eb="20">
      <t>コウボウ</t>
    </rPh>
    <rPh sb="21" eb="23">
      <t>テンカイ</t>
    </rPh>
    <rPh sb="25" eb="27">
      <t>ショウハイ</t>
    </rPh>
    <rPh sb="28" eb="29">
      <t>キソ</t>
    </rPh>
    <rPh sb="30" eb="31">
      <t>タノ</t>
    </rPh>
    <rPh sb="34" eb="35">
      <t>ヨロコ</t>
    </rPh>
    <rPh sb="37" eb="38">
      <t>アジ</t>
    </rPh>
    <rPh sb="41" eb="43">
      <t>トクセイ</t>
    </rPh>
    <rPh sb="52" eb="53">
      <t>イ</t>
    </rPh>
    <rPh sb="56" eb="57">
      <t>カ</t>
    </rPh>
    <rPh sb="58" eb="59">
      <t>ダ</t>
    </rPh>
    <phoneticPr fontId="1"/>
  </si>
  <si>
    <t>②学校で行う球技は近代になって開発され、今日では、オリンピック・パラリンピック競技大会においても主要な競技として行われていることについて、言ったり書き出したりしている。</t>
    <rPh sb="1" eb="3">
      <t>ガッコウ</t>
    </rPh>
    <rPh sb="4" eb="5">
      <t>オコナ</t>
    </rPh>
    <rPh sb="6" eb="8">
      <t>キュウギ</t>
    </rPh>
    <rPh sb="9" eb="11">
      <t>キンダイ</t>
    </rPh>
    <rPh sb="15" eb="17">
      <t>カイハツ</t>
    </rPh>
    <rPh sb="20" eb="22">
      <t>コンニチ</t>
    </rPh>
    <rPh sb="39" eb="41">
      <t>キョウギ</t>
    </rPh>
    <rPh sb="41" eb="43">
      <t>タイカイ</t>
    </rPh>
    <rPh sb="48" eb="50">
      <t>シュヨウ</t>
    </rPh>
    <rPh sb="51" eb="53">
      <t>キョウギ</t>
    </rPh>
    <rPh sb="56" eb="57">
      <t>オコナ</t>
    </rPh>
    <rPh sb="69" eb="70">
      <t>イ</t>
    </rPh>
    <rPh sb="73" eb="74">
      <t>カ</t>
    </rPh>
    <rPh sb="75" eb="76">
      <t>ダ</t>
    </rPh>
    <phoneticPr fontId="1"/>
  </si>
  <si>
    <t>③球技の各型において用いられる技術には名称があり、それらを身に付けるためのポイントがあり、それらを身に付けるためのポイントがあることについて、学習した具体例を挙げている。</t>
    <rPh sb="1" eb="3">
      <t>キュウギ</t>
    </rPh>
    <rPh sb="4" eb="6">
      <t>カクカタ</t>
    </rPh>
    <rPh sb="10" eb="11">
      <t>モチ</t>
    </rPh>
    <rPh sb="15" eb="17">
      <t>ギジュツ</t>
    </rPh>
    <rPh sb="19" eb="21">
      <t>メイショウ</t>
    </rPh>
    <rPh sb="29" eb="30">
      <t>ミ</t>
    </rPh>
    <rPh sb="31" eb="32">
      <t>ツ</t>
    </rPh>
    <rPh sb="49" eb="50">
      <t>ミ</t>
    </rPh>
    <rPh sb="51" eb="52">
      <t>ツ</t>
    </rPh>
    <rPh sb="71" eb="73">
      <t>ガクシュウ</t>
    </rPh>
    <rPh sb="75" eb="77">
      <t>グタイ</t>
    </rPh>
    <rPh sb="77" eb="78">
      <t>レイ</t>
    </rPh>
    <rPh sb="79" eb="80">
      <t>ア</t>
    </rPh>
    <phoneticPr fontId="1"/>
  </si>
  <si>
    <t>④対戦相手との競争において、技能の程度に応じた作戦や戦術を選ぶことが有効であることについて、学習した具体例を挙げている。</t>
    <rPh sb="1" eb="3">
      <t>タイセン</t>
    </rPh>
    <rPh sb="3" eb="5">
      <t>アイテ</t>
    </rPh>
    <rPh sb="7" eb="9">
      <t>キョウソウ</t>
    </rPh>
    <rPh sb="14" eb="16">
      <t>ギノウ</t>
    </rPh>
    <rPh sb="17" eb="19">
      <t>テイド</t>
    </rPh>
    <rPh sb="20" eb="21">
      <t>オウ</t>
    </rPh>
    <rPh sb="23" eb="25">
      <t>サクセン</t>
    </rPh>
    <rPh sb="26" eb="28">
      <t>センジュツ</t>
    </rPh>
    <rPh sb="29" eb="30">
      <t>エラ</t>
    </rPh>
    <rPh sb="34" eb="36">
      <t>ユウコウ</t>
    </rPh>
    <rPh sb="46" eb="48">
      <t>ガクシュウ</t>
    </rPh>
    <rPh sb="50" eb="52">
      <t>グタイ</t>
    </rPh>
    <rPh sb="52" eb="53">
      <t>レイ</t>
    </rPh>
    <rPh sb="54" eb="55">
      <t>ア</t>
    </rPh>
    <phoneticPr fontId="1"/>
  </si>
  <si>
    <t>⑤球技は、それぞれの型や運動種目によって主として高まる体力要素が異なることについて、学習した具体例を挙げている。</t>
    <rPh sb="1" eb="3">
      <t>キュウギ</t>
    </rPh>
    <rPh sb="10" eb="11">
      <t>カタ</t>
    </rPh>
    <rPh sb="12" eb="14">
      <t>ウンドウ</t>
    </rPh>
    <rPh sb="14" eb="16">
      <t>シュモク</t>
    </rPh>
    <rPh sb="20" eb="21">
      <t>シュ</t>
    </rPh>
    <rPh sb="24" eb="25">
      <t>タカ</t>
    </rPh>
    <rPh sb="27" eb="29">
      <t>タイリョク</t>
    </rPh>
    <rPh sb="29" eb="31">
      <t>ヨウソ</t>
    </rPh>
    <rPh sb="32" eb="33">
      <t>コト</t>
    </rPh>
    <rPh sb="42" eb="44">
      <t>ガクシュウ</t>
    </rPh>
    <rPh sb="46" eb="48">
      <t>グタイ</t>
    </rPh>
    <rPh sb="48" eb="49">
      <t>レイ</t>
    </rPh>
    <rPh sb="50" eb="51">
      <t>ア</t>
    </rPh>
    <phoneticPr fontId="1"/>
  </si>
  <si>
    <t>知識・技能
（技能）</t>
    <rPh sb="0" eb="2">
      <t>チシキ</t>
    </rPh>
    <rPh sb="3" eb="5">
      <t>ギノウ</t>
    </rPh>
    <rPh sb="7" eb="9">
      <t>ギノウ</t>
    </rPh>
    <phoneticPr fontId="1"/>
  </si>
  <si>
    <t>②マークされていない味方にパスを出すことができる。（ボール操作）</t>
  </si>
  <si>
    <t>④パスやドリブルなどでボールをキープすることができる。（ボール操作）</t>
  </si>
  <si>
    <t>⑤パスを出した後に次のパスを受ける動きをすることができる。（空間を作りだすなどの動き）</t>
  </si>
  <si>
    <t>⑥パスを受けるために、ゴール前の空いている場所に動くことができる。（空間に走り込むなどの動き）</t>
  </si>
  <si>
    <t>⑦ボールを持っている相手をマークすることができる。（空間に走り込むなどの動き）</t>
  </si>
  <si>
    <t>⑦ゴールとボール保持者を結んだ直線上で守ることができる。（空間を作りだすなどの動き）</t>
  </si>
  <si>
    <t>⑧ゴール前の空いている場所をカバーすることができる。（空間を作りだすなどの動き）</t>
  </si>
  <si>
    <t>思考・判断・表現</t>
    <rPh sb="0" eb="2">
      <t>シコウ</t>
    </rPh>
    <rPh sb="3" eb="5">
      <t>ハンダン</t>
    </rPh>
    <rPh sb="6" eb="8">
      <t>ヒョウゲン</t>
    </rPh>
    <phoneticPr fontId="1"/>
  </si>
  <si>
    <t>①提示された動きのポイントやつまずきの事例を参考に、仲間の課題や出来映えを伝えている。</t>
    <rPh sb="34" eb="35">
      <t>バ</t>
    </rPh>
    <rPh sb="37" eb="38">
      <t>ツタ</t>
    </rPh>
    <phoneticPr fontId="1"/>
  </si>
  <si>
    <t>②提供された練習方法から、自己やチームの課題に応じた練習方法を選んでいる。</t>
  </si>
  <si>
    <t>③学習した安全上の留意点を、他の学習場面に当てはめ、仲間に伝えている。</t>
  </si>
  <si>
    <t>③選択した運動に必要な準備運動や自己が取り組む補助運動を選んでいる。</t>
  </si>
  <si>
    <t>④練習やゲームの場面で、最善を尽くす、フェアなプレイなどのよい取組を見付け、理由を添えて他者に伝えている。</t>
  </si>
  <si>
    <t>⑤仲間と協力する場面で、分担した役割に応じた活動の仕方を見付けている。</t>
  </si>
  <si>
    <t>⑥仲間と話し合う場面で、提示された参加の仕方に当てはめ、チームへの関わり方を見付けている。</t>
  </si>
  <si>
    <t>⑦体力や技能の程度、性別等の違いを踏まえて、仲間とともに楽しむための練習やゲームを行う方法を見付け、仲間に伝えている。</t>
  </si>
  <si>
    <t>①球技の学習に積極的に取り組もうとしている。</t>
  </si>
  <si>
    <t>②マナーを守ったり相手の健闘を認めたりして、フェアなプレイを守ろうとしている。</t>
  </si>
  <si>
    <t>②相手を尊重するなどのフェアなプレイを大切にしようとしている。</t>
  </si>
  <si>
    <t>③作戦などについての話合いに参加しようとしている。</t>
  </si>
  <si>
    <t>③作戦などについての話合いに貢献しようとしている。</t>
  </si>
  <si>
    <t>④一人一人の違いに応じた課題や挑戦及び修正などを認めようとしている。</t>
  </si>
  <si>
    <t>④一人一人の違いに応じた課題や挑戦及び修正などを大切にしようとしている。</t>
  </si>
  <si>
    <t>⑤練習の補助をしたり仲間に助言したりして、仲間の学習を援助しようとしている。</t>
  </si>
  <si>
    <t>評価規準一覧【球技：ネット型】</t>
    <rPh sb="0" eb="2">
      <t>ヒョウカ</t>
    </rPh>
    <rPh sb="2" eb="4">
      <t>キジュン</t>
    </rPh>
    <rPh sb="4" eb="6">
      <t>イチラン</t>
    </rPh>
    <rPh sb="7" eb="9">
      <t>キュウギ</t>
    </rPh>
    <rPh sb="13" eb="14">
      <t>ガタ</t>
    </rPh>
    <phoneticPr fontId="1"/>
  </si>
  <si>
    <t>①サービスでは、ボールやラケットの中心付近で捉えることができる。（ボールや用具の操作）</t>
  </si>
  <si>
    <t>②ボールを返す方向にラケット面を向けて打つことができる。（ボールや用具の操作）</t>
  </si>
  <si>
    <t>②ボールを相手側のコートの空いた場所やねらった場所に打ち返すことができる。（役割に応じたボール操作や安定した用具の操作）</t>
  </si>
  <si>
    <t>③味方が操作しやすい位置にボールをつなぐことができる。（ボールや用具の操作）</t>
  </si>
  <si>
    <t>③攻撃につなげるための次のプレイをしやすい高さと位置にボールを上げるこができる。（役割に応じたボール操作や安定した用具の操作）</t>
  </si>
  <si>
    <t>④相手側のコートの空いた場所にボールを返すことができる。（ボールや用具の操作）</t>
  </si>
  <si>
    <t>⑤テイクバックをとって肩より高い位置からボールを打ち込むことができる。（ボールや用具の操作）</t>
  </si>
  <si>
    <t>⑥相手の打球に備えた準備姿勢をとることができる。（定位置に戻るなどの動き）</t>
  </si>
  <si>
    <t>⑦プレイを開始するときは、各ポジションの定位置に戻ることができる。（定位置に戻るなどの動き）</t>
  </si>
  <si>
    <t>⑧ボールを打ったり受けたりした後、ボールや相手に正対することができる。（定位置に戻るなどの動き）</t>
  </si>
  <si>
    <t>⑧連携プレイのための基本的なフォーメーションに応じた位置に動くことができる。（連携した動き）</t>
  </si>
  <si>
    <t>評価規準一覧【球技：ベースボール型】</t>
    <rPh sb="0" eb="2">
      <t>ヒョウカ</t>
    </rPh>
    <rPh sb="2" eb="4">
      <t>キジュン</t>
    </rPh>
    <rPh sb="4" eb="6">
      <t>イチラン</t>
    </rPh>
    <rPh sb="7" eb="9">
      <t>キュウギ</t>
    </rPh>
    <rPh sb="16" eb="17">
      <t>ガタ</t>
    </rPh>
    <phoneticPr fontId="1"/>
  </si>
  <si>
    <t>①投球の方向と平行に立ち、肩越しにバットを構えることができる。（基本的なバット操作）</t>
  </si>
  <si>
    <t>②地面と水平になるようにバットを振り抜くことができる。（基本的なバット操作）</t>
  </si>
  <si>
    <t>②タイミングを合わせてボールを捉えることができる。（安定したバット操作）</t>
  </si>
  <si>
    <t>③スピードを落とさずに、タイミングを合わせて塁を駆け抜けることができる。（走塁）</t>
  </si>
  <si>
    <t>③ねらった方向にボールを打ち返すことができる。（安定したバット操作）</t>
  </si>
  <si>
    <t>④打球の状況によって塁を進んだり戻ったりすることができる。（走塁）</t>
  </si>
  <si>
    <t>④スピードを落とさずに円を描くように塁間を走ることができる。（走塁）</t>
  </si>
  <si>
    <t>⑤ボールの正面に回り込んで、緩い打球を捕ることができる。（ボール操作）</t>
  </si>
  <si>
    <t>⑥投げる腕を後方に引きながら投げ手と反対側の足を踏み出し、体重を移動させながら、大きな動作でねらった方向にボールを投げることができる。（ボール操作）</t>
  </si>
  <si>
    <t>⑦守備位置から塁上へ移動して、味方からの送球を受けることができる。（ボール操作）</t>
  </si>
  <si>
    <t>⑧決められた守備位置に繰り返し立ち、準備姿勢をとることができる。（定位置での守備）</t>
  </si>
  <si>
    <t>⑨各ポジションの役割に応じて、ベースカバーやバックアップの基本的
な動きをすることができる。（定位置での守備）</t>
  </si>
  <si>
    <t>ゴール型　シート１</t>
    <rPh sb="3" eb="4">
      <t>ガタ</t>
    </rPh>
    <phoneticPr fontId="1"/>
  </si>
  <si>
    <t>ゴール型　シート２</t>
    <rPh sb="3" eb="4">
      <t>ガタ</t>
    </rPh>
    <phoneticPr fontId="1"/>
  </si>
  <si>
    <t>指導内容（指導事項）</t>
    <rPh sb="0" eb="2">
      <t>シドウ</t>
    </rPh>
    <rPh sb="2" eb="4">
      <t>ナイヨウ</t>
    </rPh>
    <rPh sb="5" eb="7">
      <t>シドウ</t>
    </rPh>
    <rPh sb="7" eb="9">
      <t>ジコウ</t>
    </rPh>
    <phoneticPr fontId="1"/>
  </si>
  <si>
    <t>技能</t>
    <rPh sb="0" eb="2">
      <t>ギノウ</t>
    </rPh>
    <phoneticPr fontId="1"/>
  </si>
  <si>
    <t>ゴール型</t>
    <rPh sb="3" eb="4">
      <t>ガタ</t>
    </rPh>
    <phoneticPr fontId="1"/>
  </si>
  <si>
    <t>ネット型</t>
    <rPh sb="3" eb="4">
      <t>ガタ</t>
    </rPh>
    <phoneticPr fontId="1"/>
  </si>
  <si>
    <t>ベースボール型</t>
    <rPh sb="6" eb="7">
      <t>カタ</t>
    </rPh>
    <phoneticPr fontId="1"/>
  </si>
  <si>
    <t>⑥ポジションの役割に応じて、拾ったりつないだり打ち返したりすること</t>
    <phoneticPr fontId="1"/>
  </si>
  <si>
    <t>⑤腕やラケットを強く振って、ネットより高い位置から相手側のコートに打ち込むこと</t>
    <phoneticPr fontId="1"/>
  </si>
  <si>
    <t>④ゴール前に広い空間を作りだすために、守備者を引きつけてゴールから離れること</t>
    <phoneticPr fontId="1"/>
  </si>
  <si>
    <t>⑥ボール保持者が進行できる空間を作りだすために、進行方向から離れること</t>
    <phoneticPr fontId="1"/>
  </si>
  <si>
    <t>③攻撃につなげるための次のプレイをしやすい高さと位置にボールを上げること</t>
    <phoneticPr fontId="1"/>
  </si>
  <si>
    <t>⑦ラリーの中で、味方の動きに合わせてコート上の空いている場所をカバーすること</t>
    <phoneticPr fontId="1"/>
  </si>
  <si>
    <t>⑧連携プレイのための基本的なフォーメーションに応じた位置に動くこと</t>
    <phoneticPr fontId="1"/>
  </si>
  <si>
    <t>⑤打球や守備の状況に応じた塁の回り方で、塁を進んだり戻ったりすること</t>
    <phoneticPr fontId="1"/>
  </si>
  <si>
    <t>⑦ねらった方向へステップを踏みながら、一連の動きでボールを投げること</t>
    <phoneticPr fontId="1"/>
  </si>
  <si>
    <t>⑧仲間の送球に対して塁上でタイミングよくボールを受けたり、中継し
たりすること</t>
    <phoneticPr fontId="1"/>
  </si>
  <si>
    <t>⑨味方からの送球を受けるために、走者の進む先の塁に動くこと</t>
    <phoneticPr fontId="1"/>
  </si>
  <si>
    <t>⑩打球や走者の位置に応じて、中継プレイに備える動きをすること</t>
    <phoneticPr fontId="1"/>
  </si>
  <si>
    <t>〇：指導日　　●：評価日　　◎指導＋評価日</t>
    <phoneticPr fontId="1"/>
  </si>
  <si>
    <t>①球技の各型の各種目において用いられる技術や戦術、作戦には名称があり、それらを身に付けるためのポイントがあること</t>
    <phoneticPr fontId="1"/>
  </si>
  <si>
    <t>②戦術や作戦に応じて、技能をゲーム中に適切に発揮することが攻防のポイントであること</t>
    <phoneticPr fontId="1"/>
  </si>
  <si>
    <t>③ゲームに必要な技術と関連させた補助運動や部分練習を繰り返したり、継続して行ったりすることで、結果として体力を高めることができること</t>
    <phoneticPr fontId="1"/>
  </si>
  <si>
    <t>①球技の学習に自主的に取り組もうとすること</t>
    <phoneticPr fontId="1"/>
  </si>
  <si>
    <t>②相手を尊重するなどのフェアなプレイを大切にしようとすること</t>
    <phoneticPr fontId="1"/>
  </si>
  <si>
    <t>③作戦などについての話合いに貢献しようとすること</t>
    <phoneticPr fontId="1"/>
  </si>
  <si>
    <t>④一人一人の違いに応じた課題や挑戦及び修正などを大切にしようとすること</t>
    <phoneticPr fontId="1"/>
  </si>
  <si>
    <t>⑤互いに練習相手になったり仲間に助言したりして、互いに助け合い教え合おうとすること</t>
    <phoneticPr fontId="1"/>
  </si>
  <si>
    <t>⑥健康・安全を確保すること</t>
    <phoneticPr fontId="1"/>
  </si>
  <si>
    <t>学びに～</t>
    <rPh sb="0" eb="1">
      <t>マナ</t>
    </rPh>
    <phoneticPr fontId="1"/>
  </si>
  <si>
    <t>①◎</t>
    <phoneticPr fontId="1"/>
  </si>
  <si>
    <t>②●</t>
    <phoneticPr fontId="1"/>
  </si>
  <si>
    <t>③〇</t>
    <phoneticPr fontId="1"/>
  </si>
  <si>
    <t>④●</t>
    <phoneticPr fontId="1"/>
  </si>
  <si>
    <t>⑤〇</t>
    <phoneticPr fontId="1"/>
  </si>
  <si>
    <t>⑤◎</t>
    <phoneticPr fontId="1"/>
  </si>
  <si>
    <t>⑦●</t>
    <phoneticPr fontId="1"/>
  </si>
  <si>
    <t>⑧〇</t>
    <phoneticPr fontId="1"/>
  </si>
  <si>
    <t>⑨●</t>
    <phoneticPr fontId="1"/>
  </si>
  <si>
    <t>指導と評価の機会</t>
    <rPh sb="0" eb="2">
      <t>シドウ</t>
    </rPh>
    <rPh sb="3" eb="5">
      <t>ヒョウカ</t>
    </rPh>
    <rPh sb="6" eb="8">
      <t>キカイ</t>
    </rPh>
    <phoneticPr fontId="1"/>
  </si>
  <si>
    <t>指導と評価の計画【E 球技】　
第３学年　　　　　　　　　　　　　　　　　　</t>
    <rPh sb="0" eb="2">
      <t>シドウ</t>
    </rPh>
    <rPh sb="3" eb="5">
      <t>ヒョウカ</t>
    </rPh>
    <rPh sb="6" eb="8">
      <t>ケイカク</t>
    </rPh>
    <rPh sb="11" eb="13">
      <t>キュウギ</t>
    </rPh>
    <rPh sb="16" eb="17">
      <t>ダイ</t>
    </rPh>
    <rPh sb="18" eb="20">
      <t>ガクネン</t>
    </rPh>
    <phoneticPr fontId="1"/>
  </si>
  <si>
    <t>①</t>
    <phoneticPr fontId="1"/>
  </si>
  <si>
    <t>②</t>
    <phoneticPr fontId="1"/>
  </si>
  <si>
    <t>②</t>
    <phoneticPr fontId="1"/>
  </si>
  <si>
    <t>第３学年　時間</t>
    <rPh sb="0" eb="1">
      <t>ダイ</t>
    </rPh>
    <rPh sb="2" eb="4">
      <t>ガクネン</t>
    </rPh>
    <rPh sb="5" eb="7">
      <t>ジカン</t>
    </rPh>
    <phoneticPr fontId="1"/>
  </si>
  <si>
    <t>内容のまとまり：E　球技
ア　ゴール型</t>
    <rPh sb="10" eb="12">
      <t>キュウギ</t>
    </rPh>
    <rPh sb="18" eb="19">
      <t>ガタ</t>
    </rPh>
    <phoneticPr fontId="1"/>
  </si>
  <si>
    <t>内容のまとまり：E　球技
イ　ネット型</t>
    <rPh sb="10" eb="12">
      <t>キュウギ</t>
    </rPh>
    <rPh sb="18" eb="19">
      <t>ガタ</t>
    </rPh>
    <phoneticPr fontId="1"/>
  </si>
  <si>
    <t>内容のまとまり：E　球技
ウ　ベースボール型</t>
    <rPh sb="10" eb="12">
      <t>キュウギ</t>
    </rPh>
    <rPh sb="21" eb="22">
      <t>ガタ</t>
    </rPh>
    <phoneticPr fontId="1"/>
  </si>
  <si>
    <t>所属：
授業者：
対象：
場所：
単元名：ア　ゴール型：〇〇
内容のまとまり：Ｅ　球技</t>
    <rPh sb="17" eb="20">
      <t>タンゲンメイ</t>
    </rPh>
    <rPh sb="26" eb="27">
      <t>ガタ</t>
    </rPh>
    <rPh sb="31" eb="33">
      <t>ナイヨウ</t>
    </rPh>
    <rPh sb="41" eb="43">
      <t>キュウギ</t>
    </rPh>
    <phoneticPr fontId="1"/>
  </si>
  <si>
    <t>④練習やゲーム中の技能を観察したり分析したりするには、自己観察や他者観察などの方法があること</t>
    <phoneticPr fontId="1"/>
  </si>
  <si>
    <t>ネット型　シート１</t>
    <rPh sb="3" eb="4">
      <t>ガタ</t>
    </rPh>
    <phoneticPr fontId="1"/>
  </si>
  <si>
    <t>ネット型　シート２</t>
    <rPh sb="3" eb="4">
      <t>ガタ</t>
    </rPh>
    <phoneticPr fontId="1"/>
  </si>
  <si>
    <t>ベースボール型　シート１</t>
    <rPh sb="6" eb="7">
      <t>ガタ</t>
    </rPh>
    <phoneticPr fontId="1"/>
  </si>
  <si>
    <t>学習の流れ
(学習過程）</t>
    <rPh sb="0" eb="2">
      <t>ガクシュウ</t>
    </rPh>
    <rPh sb="3" eb="4">
      <t>ナガ</t>
    </rPh>
    <rPh sb="7" eb="9">
      <t>ガクシュウ</t>
    </rPh>
    <rPh sb="9" eb="11">
      <t>カテイ</t>
    </rPh>
    <phoneticPr fontId="1"/>
  </si>
  <si>
    <t>・
・
・</t>
    <phoneticPr fontId="1"/>
  </si>
  <si>
    <t>技能</t>
    <phoneticPr fontId="1"/>
  </si>
  <si>
    <t>所属：
授業者：
対象：
場所：
単元名：イ　ネット型：〇〇
内容のまとまり：Ｅ　球技</t>
    <rPh sb="17" eb="20">
      <t>タンゲンメイ</t>
    </rPh>
    <rPh sb="26" eb="27">
      <t>ガタ</t>
    </rPh>
    <rPh sb="31" eb="33">
      <t>ナイヨウ</t>
    </rPh>
    <rPh sb="41" eb="43">
      <t>キュウギ</t>
    </rPh>
    <phoneticPr fontId="1"/>
  </si>
  <si>
    <t>所属：
授業者：
対象：
場所：
単元名：ウ　ベースボール型：ソフトボール
内容のまとまり：Ｅ　球技</t>
    <phoneticPr fontId="1"/>
  </si>
  <si>
    <t>勝敗を競う楽しさや喜びを味わい、技術の名称や行い方、体力の高め方、運動観察の方法などを理解するとともに、作戦に応じた技能で仲間と連携しゲームを展開することができるようにする。
　ア 　ゴール型では、安定したボール操作と空間を作りだすなどの動きによってゴール前への侵入などから攻防をすることができるようにする。</t>
    <phoneticPr fontId="1"/>
  </si>
  <si>
    <t>勝敗を競う楽しさや喜びを味わい、技術の名称や行い方、体力の高め方、運動観察の方法などを理解するとともに、作戦に応じた技能で仲間と連携しゲームを展開することができるようにする。
　ア 　ゴール型では、安定したボール操作と空間を作りだすなどの動きによってゴール前への侵入などから攻防をすることができるようにする。</t>
    <phoneticPr fontId="1"/>
  </si>
  <si>
    <t>勝敗を競う楽しさや喜びを味わい、技術の名称や行い方、体力の高め方、運動観察の方法などを理解するとともに、作戦に応じた技能で仲間と連携しゲームを展開することができるようにする。
　イ 　ネット型では、役割に応じたボール操作や安定した用具の操作と連携した動きによって空いた場所をめぐる攻防をすることができるようにする。</t>
    <phoneticPr fontId="1"/>
  </si>
  <si>
    <t>勝敗を競う楽しさや喜びを味わい、技術の名称や行い方、体力の高め方、運動観察の方法などを理解するとともに、作戦に応じた技能で仲間と連携しゲームを展開することができるようにする。
　ウ 　ベースボール型では、安定したバット操作と走塁での攻撃、ボール操作と連携した守備などによって攻防をすることができるようにする。</t>
    <phoneticPr fontId="1"/>
  </si>
  <si>
    <t>学びに向かう力、人間性等</t>
    <rPh sb="0" eb="1">
      <t>マナ</t>
    </rPh>
    <rPh sb="3" eb="4">
      <t>ム</t>
    </rPh>
    <rPh sb="6" eb="7">
      <t>チカラ</t>
    </rPh>
    <rPh sb="8" eb="11">
      <t>ニンゲンセイ</t>
    </rPh>
    <rPh sb="11" eb="12">
      <t>ナド</t>
    </rPh>
    <phoneticPr fontId="1"/>
  </si>
  <si>
    <t>攻防などの自己やチームの課題を発見し、合理的な解決に向けて運動の取り組み方を工夫するとともに、自己や仲間の考えたことを他者に伝えることができるようにする。</t>
    <phoneticPr fontId="1"/>
  </si>
  <si>
    <t>球技に自主的に取り組むとともに、フェアなプレイを大切にしようとすること、作戦などについての話合いに貢献しようとすること、一人一人の違いに応じたプレイなどを大切にしようとすること、互いに助け合い教え合おうとすることなどや、健康・安全を確保することができるようにする。</t>
    <rPh sb="0" eb="2">
      <t>キュウギ</t>
    </rPh>
    <phoneticPr fontId="1"/>
  </si>
  <si>
    <t>①球技の各型の各種目において用いられる技術や戦術、作戦には名称があり、それらを身に付けるためのポイントがあることについて、言ったり書き出したりしている。</t>
    <rPh sb="61" eb="62">
      <t>イ</t>
    </rPh>
    <rPh sb="65" eb="66">
      <t>カ</t>
    </rPh>
    <rPh sb="67" eb="68">
      <t>ダ</t>
    </rPh>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0;"/>
    <numFmt numFmtId="177" formatCode="#"/>
  </numFmts>
  <fonts count="20" x14ac:knownFonts="1">
    <font>
      <sz val="11"/>
      <color theme="1"/>
      <name val="游ゴシック"/>
      <family val="2"/>
      <charset val="128"/>
      <scheme val="minor"/>
    </font>
    <font>
      <sz val="6"/>
      <name val="游ゴシック"/>
      <family val="2"/>
      <charset val="128"/>
      <scheme val="minor"/>
    </font>
    <font>
      <sz val="8"/>
      <color theme="1"/>
      <name val="游ゴシック"/>
      <family val="3"/>
      <charset val="128"/>
      <scheme val="minor"/>
    </font>
    <font>
      <sz val="11"/>
      <color theme="1"/>
      <name val="游ゴシック"/>
      <family val="3"/>
      <charset val="128"/>
      <scheme val="minor"/>
    </font>
    <font>
      <sz val="6"/>
      <color theme="1"/>
      <name val="游ゴシック"/>
      <family val="3"/>
      <charset val="128"/>
      <scheme val="minor"/>
    </font>
    <font>
      <sz val="10"/>
      <color theme="1"/>
      <name val="游ゴシック"/>
      <family val="3"/>
      <charset val="128"/>
      <scheme val="minor"/>
    </font>
    <font>
      <b/>
      <sz val="11"/>
      <color theme="0"/>
      <name val="游ゴシック"/>
      <family val="2"/>
      <charset val="128"/>
      <scheme val="minor"/>
    </font>
    <font>
      <b/>
      <sz val="6"/>
      <color theme="0"/>
      <name val="游ゴシック"/>
      <family val="3"/>
      <charset val="128"/>
      <scheme val="minor"/>
    </font>
    <font>
      <b/>
      <sz val="6"/>
      <color theme="0"/>
      <name val="游ゴシック"/>
      <family val="2"/>
      <charset val="128"/>
      <scheme val="minor"/>
    </font>
    <font>
      <b/>
      <sz val="16"/>
      <color theme="1"/>
      <name val="游ゴシック"/>
      <family val="3"/>
      <charset val="128"/>
      <scheme val="minor"/>
    </font>
    <font>
      <b/>
      <sz val="24"/>
      <color theme="1"/>
      <name val="游ゴシック"/>
      <family val="3"/>
      <charset val="128"/>
      <scheme val="minor"/>
    </font>
    <font>
      <sz val="12"/>
      <color theme="1"/>
      <name val="游ゴシック"/>
      <family val="2"/>
      <charset val="128"/>
      <scheme val="minor"/>
    </font>
    <font>
      <sz val="12"/>
      <color theme="1"/>
      <name val="游ゴシック"/>
      <family val="3"/>
      <charset val="128"/>
      <scheme val="minor"/>
    </font>
    <font>
      <sz val="14"/>
      <color theme="1"/>
      <name val="游ゴシック"/>
      <family val="2"/>
      <charset val="128"/>
      <scheme val="minor"/>
    </font>
    <font>
      <b/>
      <sz val="14"/>
      <color theme="1"/>
      <name val="游ゴシック"/>
      <family val="3"/>
      <charset val="128"/>
      <scheme val="minor"/>
    </font>
    <font>
      <b/>
      <sz val="11"/>
      <color theme="1"/>
      <name val="游ゴシック"/>
      <family val="3"/>
      <charset val="128"/>
      <scheme val="minor"/>
    </font>
    <font>
      <b/>
      <sz val="12"/>
      <color theme="1"/>
      <name val="游ゴシック"/>
      <family val="3"/>
      <charset val="128"/>
      <scheme val="minor"/>
    </font>
    <font>
      <sz val="9"/>
      <color theme="1"/>
      <name val="游ゴシック"/>
      <family val="3"/>
      <charset val="128"/>
      <scheme val="minor"/>
    </font>
    <font>
      <sz val="10"/>
      <color theme="1"/>
      <name val="游ゴシック"/>
      <family val="2"/>
      <charset val="128"/>
      <scheme val="minor"/>
    </font>
    <font>
      <sz val="16"/>
      <color theme="1"/>
      <name val="游ゴシック"/>
      <family val="3"/>
      <charset val="128"/>
      <scheme val="minor"/>
    </font>
  </fonts>
  <fills count="10">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bgColor theme="4"/>
      </patternFill>
    </fill>
    <fill>
      <patternFill patternType="solid">
        <fgColor theme="0"/>
        <bgColor theme="4" tint="0.79998168889431442"/>
      </patternFill>
    </fill>
    <fill>
      <patternFill patternType="solid">
        <fgColor rgb="FFFFFF00"/>
        <bgColor indexed="64"/>
      </patternFill>
    </fill>
    <fill>
      <patternFill patternType="solid">
        <fgColor rgb="FF00B0F0"/>
        <bgColor indexed="64"/>
      </patternFill>
    </fill>
    <fill>
      <patternFill patternType="solid">
        <fgColor rgb="FFE91FDB"/>
        <bgColor indexed="64"/>
      </patternFill>
    </fill>
    <fill>
      <patternFill patternType="solid">
        <fgColor rgb="FFFFCCFF"/>
        <bgColor indexed="64"/>
      </patternFill>
    </fill>
  </fills>
  <borders count="233">
    <border>
      <left/>
      <right/>
      <top/>
      <bottom/>
      <diagonal/>
    </border>
    <border>
      <left/>
      <right/>
      <top/>
      <bottom style="thin">
        <color auto="1"/>
      </bottom>
      <diagonal/>
    </border>
    <border>
      <left style="thin">
        <color auto="1"/>
      </left>
      <right style="thin">
        <color auto="1"/>
      </right>
      <top style="thin">
        <color auto="1"/>
      </top>
      <bottom/>
      <diagonal/>
    </border>
    <border>
      <left style="thin">
        <color auto="1"/>
      </left>
      <right style="thin">
        <color auto="1"/>
      </right>
      <top/>
      <bottom/>
      <diagonal/>
    </border>
    <border>
      <left style="thin">
        <color auto="1"/>
      </left>
      <right style="thin">
        <color auto="1"/>
      </right>
      <top/>
      <bottom style="thin">
        <color auto="1"/>
      </bottom>
      <diagonal/>
    </border>
    <border>
      <left style="thin">
        <color auto="1"/>
      </left>
      <right/>
      <top style="thin">
        <color auto="1"/>
      </top>
      <bottom/>
      <diagonal/>
    </border>
    <border>
      <left/>
      <right style="thin">
        <color auto="1"/>
      </right>
      <top style="thin">
        <color auto="1"/>
      </top>
      <bottom/>
      <diagonal/>
    </border>
    <border>
      <left style="thin">
        <color auto="1"/>
      </left>
      <right/>
      <top/>
      <bottom style="thin">
        <color auto="1"/>
      </bottom>
      <diagonal/>
    </border>
    <border>
      <left/>
      <right style="thin">
        <color auto="1"/>
      </right>
      <top/>
      <bottom style="thin">
        <color auto="1"/>
      </bottom>
      <diagonal/>
    </border>
    <border>
      <left/>
      <right style="thin">
        <color auto="1"/>
      </right>
      <top/>
      <bottom/>
      <diagonal/>
    </border>
    <border>
      <left style="thin">
        <color auto="1"/>
      </left>
      <right style="hair">
        <color auto="1"/>
      </right>
      <top style="thin">
        <color auto="1"/>
      </top>
      <bottom style="thin">
        <color auto="1"/>
      </bottom>
      <diagonal/>
    </border>
    <border>
      <left style="hair">
        <color auto="1"/>
      </left>
      <right style="hair">
        <color auto="1"/>
      </right>
      <top style="thin">
        <color auto="1"/>
      </top>
      <bottom style="thin">
        <color auto="1"/>
      </bottom>
      <diagonal/>
    </border>
    <border>
      <left style="hair">
        <color auto="1"/>
      </left>
      <right style="thin">
        <color auto="1"/>
      </right>
      <top style="thin">
        <color auto="1"/>
      </top>
      <bottom style="thin">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style="hair">
        <color auto="1"/>
      </left>
      <right style="hair">
        <color auto="1"/>
      </right>
      <top style="thin">
        <color auto="1"/>
      </top>
      <bottom/>
      <diagonal/>
    </border>
    <border>
      <left style="hair">
        <color auto="1"/>
      </left>
      <right style="hair">
        <color auto="1"/>
      </right>
      <top style="hair">
        <color auto="1"/>
      </top>
      <bottom style="hair">
        <color auto="1"/>
      </bottom>
      <diagonal/>
    </border>
    <border>
      <left style="hair">
        <color auto="1"/>
      </left>
      <right style="hair">
        <color auto="1"/>
      </right>
      <top/>
      <bottom style="thin">
        <color auto="1"/>
      </bottom>
      <diagonal/>
    </border>
    <border>
      <left/>
      <right/>
      <top style="thin">
        <color auto="1"/>
      </top>
      <bottom/>
      <diagonal/>
    </border>
    <border>
      <left style="thin">
        <color auto="1"/>
      </left>
      <right/>
      <top/>
      <bottom/>
      <diagonal/>
    </border>
    <border>
      <left style="thin">
        <color auto="1"/>
      </left>
      <right style="hair">
        <color auto="1"/>
      </right>
      <top style="thin">
        <color auto="1"/>
      </top>
      <bottom style="hair">
        <color auto="1"/>
      </bottom>
      <diagonal/>
    </border>
    <border>
      <left style="hair">
        <color auto="1"/>
      </left>
      <right style="hair">
        <color auto="1"/>
      </right>
      <top style="thin">
        <color auto="1"/>
      </top>
      <bottom style="hair">
        <color auto="1"/>
      </bottom>
      <diagonal/>
    </border>
    <border>
      <left style="hair">
        <color auto="1"/>
      </left>
      <right style="thin">
        <color auto="1"/>
      </right>
      <top style="thin">
        <color auto="1"/>
      </top>
      <bottom style="hair">
        <color auto="1"/>
      </bottom>
      <diagonal/>
    </border>
    <border>
      <left style="thin">
        <color auto="1"/>
      </left>
      <right style="hair">
        <color auto="1"/>
      </right>
      <top style="hair">
        <color auto="1"/>
      </top>
      <bottom style="hair">
        <color auto="1"/>
      </bottom>
      <diagonal/>
    </border>
    <border>
      <left style="hair">
        <color auto="1"/>
      </left>
      <right style="thin">
        <color auto="1"/>
      </right>
      <top style="hair">
        <color auto="1"/>
      </top>
      <bottom style="hair">
        <color auto="1"/>
      </bottom>
      <diagonal/>
    </border>
    <border>
      <left style="thin">
        <color auto="1"/>
      </left>
      <right style="hair">
        <color auto="1"/>
      </right>
      <top style="hair">
        <color auto="1"/>
      </top>
      <bottom style="thin">
        <color auto="1"/>
      </bottom>
      <diagonal/>
    </border>
    <border>
      <left style="hair">
        <color auto="1"/>
      </left>
      <right style="hair">
        <color auto="1"/>
      </right>
      <top style="hair">
        <color auto="1"/>
      </top>
      <bottom style="thin">
        <color auto="1"/>
      </bottom>
      <diagonal/>
    </border>
    <border>
      <left style="hair">
        <color auto="1"/>
      </left>
      <right style="thin">
        <color auto="1"/>
      </right>
      <top style="hair">
        <color auto="1"/>
      </top>
      <bottom style="thin">
        <color auto="1"/>
      </bottom>
      <diagonal/>
    </border>
    <border>
      <left style="thin">
        <color auto="1"/>
      </left>
      <right style="hair">
        <color auto="1"/>
      </right>
      <top/>
      <bottom style="hair">
        <color auto="1"/>
      </bottom>
      <diagonal/>
    </border>
    <border>
      <left style="hair">
        <color auto="1"/>
      </left>
      <right style="hair">
        <color auto="1"/>
      </right>
      <top/>
      <bottom style="hair">
        <color auto="1"/>
      </bottom>
      <diagonal/>
    </border>
    <border>
      <left style="hair">
        <color auto="1"/>
      </left>
      <right style="thin">
        <color auto="1"/>
      </right>
      <top/>
      <bottom style="hair">
        <color auto="1"/>
      </bottom>
      <diagonal/>
    </border>
    <border>
      <left/>
      <right/>
      <top style="thin">
        <color auto="1"/>
      </top>
      <bottom style="thin">
        <color auto="1"/>
      </bottom>
      <diagonal/>
    </border>
    <border>
      <left/>
      <right style="hair">
        <color auto="1"/>
      </right>
      <top style="thin">
        <color auto="1"/>
      </top>
      <bottom style="thin">
        <color auto="1"/>
      </bottom>
      <diagonal/>
    </border>
    <border>
      <left style="hair">
        <color auto="1"/>
      </left>
      <right style="hair">
        <color auto="1"/>
      </right>
      <top/>
      <bottom/>
      <diagonal/>
    </border>
    <border>
      <left style="thin">
        <color auto="1"/>
      </left>
      <right style="hair">
        <color auto="1"/>
      </right>
      <top style="hair">
        <color auto="1"/>
      </top>
      <bottom/>
      <diagonal/>
    </border>
    <border>
      <left style="hair">
        <color auto="1"/>
      </left>
      <right style="hair">
        <color auto="1"/>
      </right>
      <top style="hair">
        <color auto="1"/>
      </top>
      <bottom/>
      <diagonal/>
    </border>
    <border>
      <left style="hair">
        <color auto="1"/>
      </left>
      <right style="thin">
        <color auto="1"/>
      </right>
      <top style="hair">
        <color auto="1"/>
      </top>
      <bottom/>
      <diagonal/>
    </border>
    <border>
      <left/>
      <right style="hair">
        <color auto="1"/>
      </right>
      <top style="thin">
        <color auto="1"/>
      </top>
      <bottom style="hair">
        <color auto="1"/>
      </bottom>
      <diagonal/>
    </border>
    <border>
      <left/>
      <right style="hair">
        <color auto="1"/>
      </right>
      <top style="hair">
        <color auto="1"/>
      </top>
      <bottom style="hair">
        <color auto="1"/>
      </bottom>
      <diagonal/>
    </border>
    <border>
      <left/>
      <right style="hair">
        <color auto="1"/>
      </right>
      <top style="hair">
        <color auto="1"/>
      </top>
      <bottom/>
      <diagonal/>
    </border>
    <border>
      <left/>
      <right style="hair">
        <color auto="1"/>
      </right>
      <top style="hair">
        <color auto="1"/>
      </top>
      <bottom style="thin">
        <color auto="1"/>
      </bottom>
      <diagonal/>
    </border>
    <border>
      <left style="medium">
        <color indexed="64"/>
      </left>
      <right style="hair">
        <color auto="1"/>
      </right>
      <top style="medium">
        <color indexed="64"/>
      </top>
      <bottom style="hair">
        <color auto="1"/>
      </bottom>
      <diagonal/>
    </border>
    <border>
      <left style="hair">
        <color auto="1"/>
      </left>
      <right style="hair">
        <color auto="1"/>
      </right>
      <top style="medium">
        <color indexed="64"/>
      </top>
      <bottom style="hair">
        <color auto="1"/>
      </bottom>
      <diagonal/>
    </border>
    <border>
      <left style="hair">
        <color auto="1"/>
      </left>
      <right style="medium">
        <color indexed="64"/>
      </right>
      <top style="medium">
        <color indexed="64"/>
      </top>
      <bottom style="hair">
        <color auto="1"/>
      </bottom>
      <diagonal/>
    </border>
    <border>
      <left style="medium">
        <color indexed="64"/>
      </left>
      <right style="hair">
        <color auto="1"/>
      </right>
      <top style="hair">
        <color auto="1"/>
      </top>
      <bottom style="hair">
        <color auto="1"/>
      </bottom>
      <diagonal/>
    </border>
    <border>
      <left style="hair">
        <color auto="1"/>
      </left>
      <right style="medium">
        <color indexed="64"/>
      </right>
      <top style="hair">
        <color auto="1"/>
      </top>
      <bottom style="hair">
        <color auto="1"/>
      </bottom>
      <diagonal/>
    </border>
    <border>
      <left style="medium">
        <color indexed="64"/>
      </left>
      <right style="hair">
        <color auto="1"/>
      </right>
      <top style="hair">
        <color auto="1"/>
      </top>
      <bottom style="thin">
        <color auto="1"/>
      </bottom>
      <diagonal/>
    </border>
    <border>
      <left style="hair">
        <color auto="1"/>
      </left>
      <right style="medium">
        <color indexed="64"/>
      </right>
      <top style="hair">
        <color auto="1"/>
      </top>
      <bottom style="thin">
        <color auto="1"/>
      </bottom>
      <diagonal/>
    </border>
    <border>
      <left style="medium">
        <color indexed="64"/>
      </left>
      <right style="hair">
        <color auto="1"/>
      </right>
      <top style="thin">
        <color auto="1"/>
      </top>
      <bottom style="hair">
        <color auto="1"/>
      </bottom>
      <diagonal/>
    </border>
    <border>
      <left style="hair">
        <color auto="1"/>
      </left>
      <right style="medium">
        <color indexed="64"/>
      </right>
      <top style="thin">
        <color auto="1"/>
      </top>
      <bottom style="hair">
        <color auto="1"/>
      </bottom>
      <diagonal/>
    </border>
    <border>
      <left style="medium">
        <color indexed="64"/>
      </left>
      <right style="hair">
        <color auto="1"/>
      </right>
      <top style="hair">
        <color auto="1"/>
      </top>
      <bottom style="medium">
        <color indexed="64"/>
      </bottom>
      <diagonal/>
    </border>
    <border>
      <left style="hair">
        <color auto="1"/>
      </left>
      <right style="hair">
        <color auto="1"/>
      </right>
      <top style="hair">
        <color auto="1"/>
      </top>
      <bottom style="medium">
        <color indexed="64"/>
      </bottom>
      <diagonal/>
    </border>
    <border>
      <left style="hair">
        <color auto="1"/>
      </left>
      <right style="medium">
        <color indexed="64"/>
      </right>
      <top style="hair">
        <color auto="1"/>
      </top>
      <bottom style="medium">
        <color indexed="64"/>
      </bottom>
      <diagonal/>
    </border>
    <border>
      <left/>
      <right style="medium">
        <color indexed="64"/>
      </right>
      <top style="medium">
        <color indexed="64"/>
      </top>
      <bottom style="hair">
        <color auto="1"/>
      </bottom>
      <diagonal/>
    </border>
    <border>
      <left/>
      <right style="medium">
        <color indexed="64"/>
      </right>
      <top style="hair">
        <color auto="1"/>
      </top>
      <bottom style="hair">
        <color auto="1"/>
      </bottom>
      <diagonal/>
    </border>
    <border>
      <left/>
      <right style="medium">
        <color indexed="64"/>
      </right>
      <top style="hair">
        <color auto="1"/>
      </top>
      <bottom/>
      <diagonal/>
    </border>
    <border>
      <left style="hair">
        <color auto="1"/>
      </left>
      <right style="medium">
        <color indexed="64"/>
      </right>
      <top/>
      <bottom style="hair">
        <color auto="1"/>
      </bottom>
      <diagonal/>
    </border>
    <border>
      <left style="medium">
        <color indexed="64"/>
      </left>
      <right style="hair">
        <color auto="1"/>
      </right>
      <top/>
      <bottom style="hair">
        <color auto="1"/>
      </bottom>
      <diagonal/>
    </border>
    <border>
      <left style="hair">
        <color auto="1"/>
      </left>
      <right style="dotted">
        <color indexed="64"/>
      </right>
      <top style="hair">
        <color auto="1"/>
      </top>
      <bottom style="hair">
        <color auto="1"/>
      </bottom>
      <diagonal/>
    </border>
    <border>
      <left style="hair">
        <color auto="1"/>
      </left>
      <right style="dotted">
        <color indexed="64"/>
      </right>
      <top style="hair">
        <color auto="1"/>
      </top>
      <bottom/>
      <diagonal/>
    </border>
    <border>
      <left style="hair">
        <color auto="1"/>
      </left>
      <right style="dotted">
        <color indexed="64"/>
      </right>
      <top style="medium">
        <color indexed="64"/>
      </top>
      <bottom style="hair">
        <color auto="1"/>
      </bottom>
      <diagonal/>
    </border>
    <border>
      <left style="dotted">
        <color indexed="64"/>
      </left>
      <right style="medium">
        <color indexed="64"/>
      </right>
      <top style="dotted">
        <color indexed="64"/>
      </top>
      <bottom style="double">
        <color indexed="64"/>
      </bottom>
      <diagonal/>
    </border>
    <border>
      <left style="hair">
        <color auto="1"/>
      </left>
      <right style="dotted">
        <color indexed="64"/>
      </right>
      <top style="hair">
        <color auto="1"/>
      </top>
      <bottom style="double">
        <color indexed="64"/>
      </bottom>
      <diagonal/>
    </border>
    <border>
      <left style="double">
        <color indexed="64"/>
      </left>
      <right style="hair">
        <color auto="1"/>
      </right>
      <top style="medium">
        <color indexed="64"/>
      </top>
      <bottom style="hair">
        <color auto="1"/>
      </bottom>
      <diagonal/>
    </border>
    <border>
      <left style="double">
        <color indexed="64"/>
      </left>
      <right style="hair">
        <color auto="1"/>
      </right>
      <top style="hair">
        <color auto="1"/>
      </top>
      <bottom style="hair">
        <color auto="1"/>
      </bottom>
      <diagonal/>
    </border>
    <border>
      <left style="double">
        <color indexed="64"/>
      </left>
      <right style="hair">
        <color auto="1"/>
      </right>
      <top style="hair">
        <color auto="1"/>
      </top>
      <bottom/>
      <diagonal/>
    </border>
    <border>
      <left style="double">
        <color indexed="64"/>
      </left>
      <right style="hair">
        <color auto="1"/>
      </right>
      <top style="hair">
        <color auto="1"/>
      </top>
      <bottom style="double">
        <color indexed="64"/>
      </bottom>
      <diagonal/>
    </border>
    <border>
      <left/>
      <right style="hair">
        <color auto="1"/>
      </right>
      <top/>
      <bottom style="hair">
        <color auto="1"/>
      </bottom>
      <diagonal/>
    </border>
    <border>
      <left style="thin">
        <color indexed="64"/>
      </left>
      <right style="thin">
        <color indexed="64"/>
      </right>
      <top style="thin">
        <color indexed="64"/>
      </top>
      <bottom style="thin">
        <color indexed="64"/>
      </bottom>
      <diagonal/>
    </border>
    <border>
      <left style="thin">
        <color auto="1"/>
      </left>
      <right/>
      <top style="dashed">
        <color indexed="64"/>
      </top>
      <bottom/>
      <diagonal/>
    </border>
    <border>
      <left/>
      <right/>
      <top style="dashed">
        <color indexed="64"/>
      </top>
      <bottom/>
      <diagonal/>
    </border>
    <border>
      <left/>
      <right style="thin">
        <color auto="1"/>
      </right>
      <top style="dashed">
        <color indexed="64"/>
      </top>
      <bottom/>
      <diagonal/>
    </border>
    <border>
      <left style="thin">
        <color indexed="64"/>
      </left>
      <right style="thin">
        <color indexed="64"/>
      </right>
      <top style="thin">
        <color indexed="64"/>
      </top>
      <bottom style="dashed">
        <color indexed="64"/>
      </bottom>
      <diagonal/>
    </border>
    <border>
      <left/>
      <right/>
      <top style="thin">
        <color theme="4" tint="0.39997558519241921"/>
      </top>
      <bottom/>
      <diagonal/>
    </border>
    <border>
      <left style="thin">
        <color theme="4" tint="0.39997558519241921"/>
      </left>
      <right/>
      <top style="thin">
        <color theme="4" tint="0.39997558519241921"/>
      </top>
      <bottom/>
      <diagonal/>
    </border>
    <border>
      <left style="thin">
        <color auto="1"/>
      </left>
      <right style="thin">
        <color auto="1"/>
      </right>
      <top style="dashed">
        <color indexed="64"/>
      </top>
      <bottom/>
      <diagonal/>
    </border>
    <border>
      <left style="thin">
        <color indexed="64"/>
      </left>
      <right style="thin">
        <color indexed="64"/>
      </right>
      <top style="dashed">
        <color indexed="64"/>
      </top>
      <bottom style="thin">
        <color indexed="64"/>
      </bottom>
      <diagonal/>
    </border>
    <border>
      <left/>
      <right style="hair">
        <color auto="1"/>
      </right>
      <top style="thin">
        <color auto="1"/>
      </top>
      <bottom/>
      <diagonal/>
    </border>
    <border>
      <left/>
      <right style="hair">
        <color auto="1"/>
      </right>
      <top/>
      <bottom/>
      <diagonal/>
    </border>
    <border>
      <left/>
      <right style="hair">
        <color auto="1"/>
      </right>
      <top/>
      <bottom style="thin">
        <color auto="1"/>
      </bottom>
      <diagonal/>
    </border>
    <border>
      <left style="hair">
        <color auto="1"/>
      </left>
      <right style="thin">
        <color indexed="64"/>
      </right>
      <top/>
      <bottom/>
      <diagonal/>
    </border>
    <border>
      <left style="hair">
        <color auto="1"/>
      </left>
      <right style="thin">
        <color indexed="64"/>
      </right>
      <top/>
      <bottom style="thin">
        <color indexed="64"/>
      </bottom>
      <diagonal/>
    </border>
    <border>
      <left style="thin">
        <color indexed="64"/>
      </left>
      <right style="hair">
        <color indexed="64"/>
      </right>
      <top/>
      <bottom/>
      <diagonal/>
    </border>
    <border>
      <left style="thin">
        <color auto="1"/>
      </left>
      <right/>
      <top style="hair">
        <color indexed="64"/>
      </top>
      <bottom style="hair">
        <color indexed="64"/>
      </bottom>
      <diagonal/>
    </border>
    <border>
      <left style="thin">
        <color auto="1"/>
      </left>
      <right/>
      <top style="hair">
        <color indexed="64"/>
      </top>
      <bottom style="thin">
        <color auto="1"/>
      </bottom>
      <diagonal/>
    </border>
    <border>
      <left style="dotted">
        <color indexed="64"/>
      </left>
      <right style="dotted">
        <color indexed="64"/>
      </right>
      <top/>
      <bottom/>
      <diagonal/>
    </border>
    <border>
      <left style="dotted">
        <color indexed="64"/>
      </left>
      <right style="dotted">
        <color indexed="64"/>
      </right>
      <top style="thin">
        <color indexed="64"/>
      </top>
      <bottom/>
      <diagonal/>
    </border>
    <border>
      <left style="thin">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style="dotted">
        <color indexed="64"/>
      </right>
      <top/>
      <bottom/>
      <diagonal/>
    </border>
    <border>
      <left style="dotted">
        <color indexed="64"/>
      </left>
      <right style="thin">
        <color indexed="64"/>
      </right>
      <top/>
      <bottom/>
      <diagonal/>
    </border>
    <border>
      <left style="thin">
        <color indexed="64"/>
      </left>
      <right style="dotted">
        <color indexed="64"/>
      </right>
      <top/>
      <bottom style="thin">
        <color indexed="64"/>
      </bottom>
      <diagonal/>
    </border>
    <border>
      <left style="dotted">
        <color indexed="64"/>
      </left>
      <right style="dotted">
        <color indexed="64"/>
      </right>
      <top/>
      <bottom style="thin">
        <color indexed="64"/>
      </bottom>
      <diagonal/>
    </border>
    <border>
      <left style="dotted">
        <color indexed="64"/>
      </left>
      <right style="thin">
        <color indexed="64"/>
      </right>
      <top/>
      <bottom style="thin">
        <color indexed="64"/>
      </bottom>
      <diagonal/>
    </border>
    <border>
      <left/>
      <right style="dotted">
        <color indexed="64"/>
      </right>
      <top style="thin">
        <color indexed="64"/>
      </top>
      <bottom/>
      <diagonal/>
    </border>
    <border>
      <left/>
      <right style="dotted">
        <color indexed="64"/>
      </right>
      <top/>
      <bottom/>
      <diagonal/>
    </border>
    <border>
      <left/>
      <right style="dotted">
        <color indexed="64"/>
      </right>
      <top/>
      <bottom style="thin">
        <color indexed="64"/>
      </bottom>
      <diagonal/>
    </border>
    <border>
      <left style="dotted">
        <color indexed="64"/>
      </left>
      <right style="thin">
        <color indexed="64"/>
      </right>
      <top style="thin">
        <color indexed="64"/>
      </top>
      <bottom style="thin">
        <color auto="1"/>
      </bottom>
      <diagonal/>
    </border>
    <border>
      <left style="thin">
        <color indexed="64"/>
      </left>
      <right/>
      <top style="thin">
        <color indexed="64"/>
      </top>
      <bottom style="dashed">
        <color indexed="64"/>
      </bottom>
      <diagonal/>
    </border>
    <border>
      <left style="dotted">
        <color indexed="64"/>
      </left>
      <right style="dotted">
        <color indexed="64"/>
      </right>
      <top style="thin">
        <color indexed="64"/>
      </top>
      <bottom style="thin">
        <color auto="1"/>
      </bottom>
      <diagonal/>
    </border>
    <border>
      <left style="thin">
        <color indexed="64"/>
      </left>
      <right style="thin">
        <color indexed="64"/>
      </right>
      <top style="thin">
        <color indexed="64"/>
      </top>
      <bottom style="dotted">
        <color indexed="64"/>
      </bottom>
      <diagonal/>
    </border>
    <border>
      <left style="thin">
        <color indexed="64"/>
      </left>
      <right style="thin">
        <color indexed="64"/>
      </right>
      <top/>
      <bottom style="dashed">
        <color indexed="64"/>
      </bottom>
      <diagonal/>
    </border>
    <border>
      <left style="medium">
        <color indexed="64"/>
      </left>
      <right style="hair">
        <color auto="1"/>
      </right>
      <top/>
      <bottom/>
      <diagonal/>
    </border>
    <border>
      <left style="hair">
        <color auto="1"/>
      </left>
      <right style="medium">
        <color indexed="64"/>
      </right>
      <top/>
      <bottom/>
      <diagonal/>
    </border>
    <border>
      <left style="medium">
        <color indexed="64"/>
      </left>
      <right style="hair">
        <color auto="1"/>
      </right>
      <top style="hair">
        <color indexed="64"/>
      </top>
      <bottom/>
      <diagonal/>
    </border>
    <border>
      <left style="medium">
        <color indexed="64"/>
      </left>
      <right style="hair">
        <color auto="1"/>
      </right>
      <top/>
      <bottom style="thin">
        <color auto="1"/>
      </bottom>
      <diagonal/>
    </border>
    <border>
      <left style="medium">
        <color indexed="64"/>
      </left>
      <right/>
      <top style="medium">
        <color indexed="64"/>
      </top>
      <bottom/>
      <diagonal/>
    </border>
    <border>
      <left style="medium">
        <color indexed="64"/>
      </left>
      <right/>
      <top/>
      <bottom/>
      <diagonal/>
    </border>
    <border>
      <left style="medium">
        <color indexed="64"/>
      </left>
      <right/>
      <top/>
      <bottom style="medium">
        <color indexed="64"/>
      </bottom>
      <diagonal/>
    </border>
    <border>
      <left style="hair">
        <color auto="1"/>
      </left>
      <right style="thin">
        <color auto="1"/>
      </right>
      <top style="medium">
        <color indexed="64"/>
      </top>
      <bottom style="hair">
        <color auto="1"/>
      </bottom>
      <diagonal/>
    </border>
    <border>
      <left style="thin">
        <color indexed="64"/>
      </left>
      <right/>
      <top style="thin">
        <color indexed="64"/>
      </top>
      <bottom style="dotted">
        <color indexed="64"/>
      </bottom>
      <diagonal/>
    </border>
    <border>
      <left/>
      <right style="thin">
        <color indexed="64"/>
      </right>
      <top style="thin">
        <color indexed="64"/>
      </top>
      <bottom style="dotted">
        <color indexed="64"/>
      </bottom>
      <diagonal/>
    </border>
    <border>
      <left style="medium">
        <color indexed="64"/>
      </left>
      <right style="medium">
        <color indexed="64"/>
      </right>
      <top style="medium">
        <color indexed="64"/>
      </top>
      <bottom/>
      <diagonal/>
    </border>
    <border>
      <left/>
      <right style="thick">
        <color indexed="64"/>
      </right>
      <top style="medium">
        <color indexed="64"/>
      </top>
      <bottom/>
      <diagonal/>
    </border>
    <border>
      <left style="thick">
        <color indexed="64"/>
      </left>
      <right style="thick">
        <color indexed="64"/>
      </right>
      <top style="medium">
        <color indexed="64"/>
      </top>
      <bottom/>
      <diagonal/>
    </border>
    <border>
      <left style="thick">
        <color indexed="64"/>
      </left>
      <right style="thick">
        <color indexed="64"/>
      </right>
      <top style="medium">
        <color indexed="64"/>
      </top>
      <bottom style="thick">
        <color indexed="64"/>
      </bottom>
      <diagonal/>
    </border>
    <border>
      <left style="thick">
        <color indexed="64"/>
      </left>
      <right style="medium">
        <color indexed="64"/>
      </right>
      <top style="medium">
        <color indexed="64"/>
      </top>
      <bottom style="thick">
        <color indexed="64"/>
      </bottom>
      <diagonal/>
    </border>
    <border>
      <left style="medium">
        <color indexed="64"/>
      </left>
      <right style="medium">
        <color indexed="64"/>
      </right>
      <top style="medium">
        <color indexed="64"/>
      </top>
      <bottom style="thin">
        <color auto="1"/>
      </bottom>
      <diagonal/>
    </border>
    <border>
      <left/>
      <right style="thin">
        <color auto="1"/>
      </right>
      <top style="medium">
        <color indexed="64"/>
      </top>
      <bottom style="thin">
        <color auto="1"/>
      </bottom>
      <diagonal/>
    </border>
    <border>
      <left style="thin">
        <color auto="1"/>
      </left>
      <right style="thin">
        <color auto="1"/>
      </right>
      <top style="medium">
        <color indexed="64"/>
      </top>
      <bottom style="thin">
        <color auto="1"/>
      </bottom>
      <diagonal/>
    </border>
    <border>
      <left style="thin">
        <color auto="1"/>
      </left>
      <right style="medium">
        <color indexed="64"/>
      </right>
      <top style="medium">
        <color indexed="64"/>
      </top>
      <bottom style="thin">
        <color auto="1"/>
      </bottom>
      <diagonal/>
    </border>
    <border>
      <left style="thin">
        <color auto="1"/>
      </left>
      <right style="medium">
        <color indexed="64"/>
      </right>
      <top/>
      <bottom style="thin">
        <color auto="1"/>
      </bottom>
      <diagonal/>
    </border>
    <border>
      <left style="medium">
        <color indexed="64"/>
      </left>
      <right style="medium">
        <color indexed="64"/>
      </right>
      <top style="thin">
        <color indexed="64"/>
      </top>
      <bottom style="thin">
        <color indexed="64"/>
      </bottom>
      <diagonal/>
    </border>
    <border>
      <left style="thin">
        <color indexed="64"/>
      </left>
      <right style="medium">
        <color indexed="64"/>
      </right>
      <top style="thin">
        <color auto="1"/>
      </top>
      <bottom style="thin">
        <color auto="1"/>
      </bottom>
      <diagonal/>
    </border>
    <border diagonalDown="1">
      <left/>
      <right style="thin">
        <color auto="1"/>
      </right>
      <top style="thin">
        <color auto="1"/>
      </top>
      <bottom style="thin">
        <color auto="1"/>
      </bottom>
      <diagonal style="thin">
        <color auto="1"/>
      </diagonal>
    </border>
    <border diagonalDown="1">
      <left style="thin">
        <color indexed="64"/>
      </left>
      <right style="thin">
        <color indexed="64"/>
      </right>
      <top style="thin">
        <color indexed="64"/>
      </top>
      <bottom style="thin">
        <color indexed="64"/>
      </bottom>
      <diagonal style="thin">
        <color indexed="64"/>
      </diagonal>
    </border>
    <border diagonalDown="1">
      <left style="thin">
        <color indexed="64"/>
      </left>
      <right style="medium">
        <color indexed="64"/>
      </right>
      <top style="thin">
        <color indexed="64"/>
      </top>
      <bottom style="thin">
        <color indexed="64"/>
      </bottom>
      <diagonal style="thin">
        <color indexed="64"/>
      </diagonal>
    </border>
    <border>
      <left style="medium">
        <color indexed="64"/>
      </left>
      <right style="medium">
        <color indexed="64"/>
      </right>
      <top style="thin">
        <color indexed="64"/>
      </top>
      <bottom style="medium">
        <color indexed="64"/>
      </bottom>
      <diagonal/>
    </border>
    <border diagonalDown="1">
      <left/>
      <right style="thin">
        <color auto="1"/>
      </right>
      <top style="thin">
        <color auto="1"/>
      </top>
      <bottom style="medium">
        <color indexed="64"/>
      </bottom>
      <diagonal style="thin">
        <color auto="1"/>
      </diagonal>
    </border>
    <border diagonalDown="1">
      <left style="thin">
        <color indexed="64"/>
      </left>
      <right style="thin">
        <color indexed="64"/>
      </right>
      <top style="thin">
        <color auto="1"/>
      </top>
      <bottom style="medium">
        <color indexed="64"/>
      </bottom>
      <diagonal style="thin">
        <color indexed="64"/>
      </diagonal>
    </border>
    <border diagonalDown="1">
      <left style="thin">
        <color indexed="64"/>
      </left>
      <right style="medium">
        <color indexed="64"/>
      </right>
      <top style="thin">
        <color auto="1"/>
      </top>
      <bottom style="medium">
        <color indexed="64"/>
      </bottom>
      <diagonal style="thin">
        <color indexed="64"/>
      </diagonal>
    </border>
    <border>
      <left/>
      <right style="thin">
        <color auto="1"/>
      </right>
      <top style="thin">
        <color auto="1"/>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style="medium">
        <color indexed="64"/>
      </left>
      <right style="thin">
        <color auto="1"/>
      </right>
      <top style="medium">
        <color indexed="64"/>
      </top>
      <bottom style="thin">
        <color auto="1"/>
      </bottom>
      <diagonal/>
    </border>
    <border>
      <left style="medium">
        <color indexed="64"/>
      </left>
      <right style="thin">
        <color auto="1"/>
      </right>
      <top style="thin">
        <color auto="1"/>
      </top>
      <bottom style="thin">
        <color auto="1"/>
      </bottom>
      <diagonal/>
    </border>
    <border>
      <left style="medium">
        <color indexed="64"/>
      </left>
      <right style="thin">
        <color auto="1"/>
      </right>
      <top style="thin">
        <color auto="1"/>
      </top>
      <bottom style="medium">
        <color indexed="64"/>
      </bottom>
      <diagonal/>
    </border>
    <border>
      <left style="medium">
        <color indexed="64"/>
      </left>
      <right/>
      <top style="thin">
        <color auto="1"/>
      </top>
      <bottom style="thin">
        <color auto="1"/>
      </bottom>
      <diagonal/>
    </border>
    <border>
      <left/>
      <right style="medium">
        <color indexed="64"/>
      </right>
      <top style="thin">
        <color auto="1"/>
      </top>
      <bottom style="thin">
        <color auto="1"/>
      </bottom>
      <diagonal/>
    </border>
    <border>
      <left style="medium">
        <color indexed="64"/>
      </left>
      <right/>
      <top style="thin">
        <color auto="1"/>
      </top>
      <bottom style="medium">
        <color indexed="64"/>
      </bottom>
      <diagonal/>
    </border>
    <border>
      <left/>
      <right/>
      <top style="thin">
        <color auto="1"/>
      </top>
      <bottom style="medium">
        <color indexed="64"/>
      </bottom>
      <diagonal/>
    </border>
    <border>
      <left/>
      <right style="medium">
        <color indexed="64"/>
      </right>
      <top style="thin">
        <color auto="1"/>
      </top>
      <bottom style="medium">
        <color indexed="64"/>
      </bottom>
      <diagonal/>
    </border>
    <border>
      <left style="medium">
        <color indexed="64"/>
      </left>
      <right style="medium">
        <color indexed="64"/>
      </right>
      <top style="thin">
        <color indexed="64"/>
      </top>
      <bottom/>
      <diagonal/>
    </border>
    <border>
      <left style="medium">
        <color indexed="64"/>
      </left>
      <right style="medium">
        <color indexed="64"/>
      </right>
      <top/>
      <bottom/>
      <diagonal/>
    </border>
    <border>
      <left style="medium">
        <color indexed="64"/>
      </left>
      <right/>
      <top style="thin">
        <color auto="1"/>
      </top>
      <bottom/>
      <diagonal/>
    </border>
    <border>
      <left/>
      <right style="medium">
        <color indexed="64"/>
      </right>
      <top style="thin">
        <color auto="1"/>
      </top>
      <bottom/>
      <diagonal/>
    </border>
    <border>
      <left style="medium">
        <color indexed="64"/>
      </left>
      <right style="medium">
        <color indexed="64"/>
      </right>
      <top/>
      <bottom style="medium">
        <color indexed="64"/>
      </bottom>
      <diagonal/>
    </border>
    <border diagonalDown="1">
      <left style="medium">
        <color indexed="64"/>
      </left>
      <right/>
      <top style="thin">
        <color auto="1"/>
      </top>
      <bottom style="medium">
        <color indexed="64"/>
      </bottom>
      <diagonal style="thin">
        <color indexed="64"/>
      </diagonal>
    </border>
    <border diagonalDown="1">
      <left/>
      <right/>
      <top style="thin">
        <color auto="1"/>
      </top>
      <bottom style="medium">
        <color indexed="64"/>
      </bottom>
      <diagonal style="thin">
        <color indexed="64"/>
      </diagonal>
    </border>
    <border diagonalDown="1">
      <left/>
      <right style="medium">
        <color indexed="64"/>
      </right>
      <top style="thin">
        <color auto="1"/>
      </top>
      <bottom style="medium">
        <color indexed="64"/>
      </bottom>
      <diagonal style="thin">
        <color indexed="64"/>
      </diagonal>
    </border>
    <border>
      <left/>
      <right style="medium">
        <color indexed="64"/>
      </right>
      <top/>
      <bottom/>
      <diagonal/>
    </border>
    <border>
      <left/>
      <right/>
      <top style="medium">
        <color indexed="64"/>
      </top>
      <bottom/>
      <diagonal/>
    </border>
    <border>
      <left/>
      <right/>
      <top/>
      <bottom style="medium">
        <color indexed="64"/>
      </bottom>
      <diagonal/>
    </border>
    <border>
      <left/>
      <right/>
      <top/>
      <bottom style="double">
        <color indexed="64"/>
      </bottom>
      <diagonal/>
    </border>
    <border>
      <left/>
      <right style="medium">
        <color indexed="64"/>
      </right>
      <top style="hair">
        <color auto="1"/>
      </top>
      <bottom style="double">
        <color indexed="64"/>
      </bottom>
      <diagonal/>
    </border>
    <border>
      <left/>
      <right style="dotted">
        <color indexed="64"/>
      </right>
      <top/>
      <bottom style="double">
        <color indexed="64"/>
      </bottom>
      <diagonal/>
    </border>
    <border>
      <left style="dotted">
        <color indexed="64"/>
      </left>
      <right style="medium">
        <color indexed="64"/>
      </right>
      <top style="medium">
        <color indexed="64"/>
      </top>
      <bottom style="hair">
        <color auto="1"/>
      </bottom>
      <diagonal/>
    </border>
    <border>
      <left/>
      <right style="dotted">
        <color indexed="64"/>
      </right>
      <top style="medium">
        <color indexed="64"/>
      </top>
      <bottom/>
      <diagonal/>
    </border>
    <border>
      <left/>
      <right style="thick">
        <color indexed="64"/>
      </right>
      <top style="thin">
        <color auto="1"/>
      </top>
      <bottom style="thin">
        <color auto="1"/>
      </bottom>
      <diagonal/>
    </border>
    <border diagonalDown="1">
      <left style="thin">
        <color auto="1"/>
      </left>
      <right/>
      <top style="thin">
        <color auto="1"/>
      </top>
      <bottom/>
      <diagonal style="thin">
        <color auto="1"/>
      </diagonal>
    </border>
    <border diagonalDown="1">
      <left/>
      <right/>
      <top style="thin">
        <color auto="1"/>
      </top>
      <bottom/>
      <diagonal style="thin">
        <color auto="1"/>
      </diagonal>
    </border>
    <border diagonalDown="1">
      <left/>
      <right style="thin">
        <color auto="1"/>
      </right>
      <top style="thin">
        <color auto="1"/>
      </top>
      <bottom/>
      <diagonal style="thin">
        <color auto="1"/>
      </diagonal>
    </border>
    <border diagonalDown="1">
      <left style="thin">
        <color auto="1"/>
      </left>
      <right/>
      <top/>
      <bottom/>
      <diagonal style="thin">
        <color auto="1"/>
      </diagonal>
    </border>
    <border diagonalDown="1">
      <left/>
      <right/>
      <top/>
      <bottom/>
      <diagonal style="thin">
        <color auto="1"/>
      </diagonal>
    </border>
    <border diagonalDown="1">
      <left/>
      <right style="thin">
        <color auto="1"/>
      </right>
      <top/>
      <bottom/>
      <diagonal style="thin">
        <color auto="1"/>
      </diagonal>
    </border>
    <border diagonalDown="1">
      <left style="thin">
        <color auto="1"/>
      </left>
      <right/>
      <top/>
      <bottom style="thin">
        <color auto="1"/>
      </bottom>
      <diagonal style="thin">
        <color auto="1"/>
      </diagonal>
    </border>
    <border diagonalDown="1">
      <left/>
      <right/>
      <top/>
      <bottom style="thin">
        <color auto="1"/>
      </bottom>
      <diagonal style="thin">
        <color auto="1"/>
      </diagonal>
    </border>
    <border diagonalDown="1">
      <left/>
      <right style="thin">
        <color auto="1"/>
      </right>
      <top/>
      <bottom style="thin">
        <color auto="1"/>
      </bottom>
      <diagonal style="thin">
        <color auto="1"/>
      </diagonal>
    </border>
    <border diagonalDown="1">
      <left style="medium">
        <color indexed="64"/>
      </left>
      <right/>
      <top style="thin">
        <color auto="1"/>
      </top>
      <bottom/>
      <diagonal style="thin">
        <color indexed="64"/>
      </diagonal>
    </border>
    <border diagonalDown="1">
      <left style="medium">
        <color indexed="64"/>
      </left>
      <right/>
      <top/>
      <bottom/>
      <diagonal style="thin">
        <color indexed="64"/>
      </diagonal>
    </border>
    <border diagonalDown="1">
      <left style="medium">
        <color indexed="64"/>
      </left>
      <right/>
      <top/>
      <bottom style="thin">
        <color auto="1"/>
      </bottom>
      <diagonal style="thin">
        <color indexed="64"/>
      </diagonal>
    </border>
    <border>
      <left style="thin">
        <color auto="1"/>
      </left>
      <right style="hair">
        <color auto="1"/>
      </right>
      <top style="hair">
        <color auto="1"/>
      </top>
      <bottom style="medium">
        <color indexed="64"/>
      </bottom>
      <diagonal/>
    </border>
    <border>
      <left style="hair">
        <color auto="1"/>
      </left>
      <right style="thin">
        <color auto="1"/>
      </right>
      <top style="hair">
        <color auto="1"/>
      </top>
      <bottom style="medium">
        <color indexed="64"/>
      </bottom>
      <diagonal/>
    </border>
    <border diagonalDown="1">
      <left style="medium">
        <color indexed="64"/>
      </left>
      <right/>
      <top/>
      <bottom style="medium">
        <color indexed="64"/>
      </bottom>
      <diagonal style="thin">
        <color indexed="64"/>
      </diagonal>
    </border>
    <border diagonalDown="1">
      <left/>
      <right/>
      <top/>
      <bottom style="medium">
        <color indexed="64"/>
      </bottom>
      <diagonal style="thin">
        <color auto="1"/>
      </diagonal>
    </border>
    <border diagonalDown="1">
      <left/>
      <right style="thin">
        <color auto="1"/>
      </right>
      <top/>
      <bottom style="medium">
        <color indexed="64"/>
      </bottom>
      <diagonal style="thin">
        <color auto="1"/>
      </diagonal>
    </border>
    <border diagonalDown="1">
      <left style="thin">
        <color auto="1"/>
      </left>
      <right/>
      <top/>
      <bottom style="medium">
        <color indexed="64"/>
      </bottom>
      <diagonal style="thin">
        <color auto="1"/>
      </diagonal>
    </border>
    <border>
      <left style="hair">
        <color auto="1"/>
      </left>
      <right style="hair">
        <color auto="1"/>
      </right>
      <top style="hair">
        <color auto="1"/>
      </top>
      <bottom style="double">
        <color indexed="64"/>
      </bottom>
      <diagonal/>
    </border>
    <border>
      <left style="hair">
        <color auto="1"/>
      </left>
      <right style="thin">
        <color auto="1"/>
      </right>
      <top style="hair">
        <color auto="1"/>
      </top>
      <bottom style="double">
        <color indexed="64"/>
      </bottom>
      <diagonal/>
    </border>
    <border>
      <left style="thin">
        <color auto="1"/>
      </left>
      <right style="hair">
        <color auto="1"/>
      </right>
      <top style="hair">
        <color auto="1"/>
      </top>
      <bottom style="double">
        <color indexed="64"/>
      </bottom>
      <diagonal/>
    </border>
    <border>
      <left/>
      <right style="hair">
        <color indexed="64"/>
      </right>
      <top style="medium">
        <color indexed="64"/>
      </top>
      <bottom/>
      <diagonal/>
    </border>
    <border>
      <left/>
      <right style="hair">
        <color indexed="64"/>
      </right>
      <top/>
      <bottom style="medium">
        <color indexed="64"/>
      </bottom>
      <diagonal/>
    </border>
    <border diagonalDown="1">
      <left style="thin">
        <color auto="1"/>
      </left>
      <right/>
      <top style="thin">
        <color auto="1"/>
      </top>
      <bottom style="thin">
        <color auto="1"/>
      </bottom>
      <diagonal style="thin">
        <color auto="1"/>
      </diagonal>
    </border>
    <border diagonalDown="1">
      <left/>
      <right/>
      <top style="thin">
        <color auto="1"/>
      </top>
      <bottom style="thin">
        <color auto="1"/>
      </bottom>
      <diagonal style="thin">
        <color auto="1"/>
      </diagonal>
    </border>
    <border>
      <left style="thin">
        <color auto="1"/>
      </left>
      <right/>
      <top style="hair">
        <color indexed="64"/>
      </top>
      <bottom/>
      <diagonal/>
    </border>
    <border>
      <left/>
      <right/>
      <top style="hair">
        <color indexed="64"/>
      </top>
      <bottom/>
      <diagonal/>
    </border>
    <border>
      <left/>
      <right style="thin">
        <color auto="1"/>
      </right>
      <top style="hair">
        <color indexed="64"/>
      </top>
      <bottom/>
      <diagonal/>
    </border>
    <border>
      <left/>
      <right/>
      <top style="hair">
        <color indexed="64"/>
      </top>
      <bottom style="hair">
        <color indexed="64"/>
      </bottom>
      <diagonal/>
    </border>
    <border>
      <left/>
      <right style="thin">
        <color auto="1"/>
      </right>
      <top style="hair">
        <color indexed="64"/>
      </top>
      <bottom style="hair">
        <color indexed="64"/>
      </bottom>
      <diagonal/>
    </border>
    <border>
      <left/>
      <right/>
      <top style="hair">
        <color indexed="64"/>
      </top>
      <bottom style="thin">
        <color auto="1"/>
      </bottom>
      <diagonal/>
    </border>
    <border>
      <left/>
      <right style="thin">
        <color auto="1"/>
      </right>
      <top style="hair">
        <color indexed="64"/>
      </top>
      <bottom style="thin">
        <color auto="1"/>
      </bottom>
      <diagonal/>
    </border>
    <border>
      <left/>
      <right style="hair">
        <color auto="1"/>
      </right>
      <top style="hair">
        <color auto="1"/>
      </top>
      <bottom style="double">
        <color indexed="64"/>
      </bottom>
      <diagonal/>
    </border>
    <border>
      <left/>
      <right style="hair">
        <color auto="1"/>
      </right>
      <top style="hair">
        <color auto="1"/>
      </top>
      <bottom style="medium">
        <color indexed="64"/>
      </bottom>
      <diagonal/>
    </border>
    <border>
      <left/>
      <right style="hair">
        <color auto="1"/>
      </right>
      <top style="medium">
        <color indexed="64"/>
      </top>
      <bottom style="hair">
        <color auto="1"/>
      </bottom>
      <diagonal/>
    </border>
    <border>
      <left/>
      <right/>
      <top style="thick">
        <color indexed="64"/>
      </top>
      <bottom/>
      <diagonal/>
    </border>
    <border>
      <left style="hair">
        <color auto="1"/>
      </left>
      <right style="hair">
        <color auto="1"/>
      </right>
      <top style="hair">
        <color auto="1"/>
      </top>
      <bottom style="thick">
        <color indexed="64"/>
      </bottom>
      <diagonal/>
    </border>
    <border>
      <left style="hair">
        <color auto="1"/>
      </left>
      <right style="thin">
        <color auto="1"/>
      </right>
      <top style="hair">
        <color auto="1"/>
      </top>
      <bottom style="thick">
        <color indexed="64"/>
      </bottom>
      <diagonal/>
    </border>
    <border>
      <left style="thin">
        <color auto="1"/>
      </left>
      <right style="hair">
        <color auto="1"/>
      </right>
      <top style="hair">
        <color auto="1"/>
      </top>
      <bottom style="thick">
        <color indexed="64"/>
      </bottom>
      <diagonal/>
    </border>
    <border>
      <left/>
      <right style="hair">
        <color auto="1"/>
      </right>
      <top style="hair">
        <color auto="1"/>
      </top>
      <bottom style="thick">
        <color indexed="64"/>
      </bottom>
      <diagonal/>
    </border>
    <border>
      <left style="hair">
        <color indexed="64"/>
      </left>
      <right/>
      <top style="thin">
        <color auto="1"/>
      </top>
      <bottom style="thin">
        <color auto="1"/>
      </bottom>
      <diagonal/>
    </border>
    <border>
      <left style="dashed">
        <color indexed="64"/>
      </left>
      <right style="dashed">
        <color indexed="64"/>
      </right>
      <top style="dashed">
        <color indexed="64"/>
      </top>
      <bottom style="dashed">
        <color indexed="64"/>
      </bottom>
      <diagonal/>
    </border>
    <border>
      <left style="dashed">
        <color indexed="64"/>
      </left>
      <right style="thick">
        <color indexed="64"/>
      </right>
      <top style="dashed">
        <color indexed="64"/>
      </top>
      <bottom style="dashed">
        <color indexed="64"/>
      </bottom>
      <diagonal/>
    </border>
    <border>
      <left/>
      <right style="dashed">
        <color indexed="64"/>
      </right>
      <top style="dashed">
        <color indexed="64"/>
      </top>
      <bottom style="dashed">
        <color indexed="64"/>
      </bottom>
      <diagonal/>
    </border>
    <border>
      <left style="dashed">
        <color indexed="64"/>
      </left>
      <right style="dashed">
        <color indexed="64"/>
      </right>
      <top/>
      <bottom style="dashed">
        <color indexed="64"/>
      </bottom>
      <diagonal/>
    </border>
    <border>
      <left/>
      <right style="dashed">
        <color indexed="64"/>
      </right>
      <top/>
      <bottom style="dashed">
        <color indexed="64"/>
      </bottom>
      <diagonal/>
    </border>
    <border>
      <left style="dashed">
        <color indexed="64"/>
      </left>
      <right style="thick">
        <color indexed="64"/>
      </right>
      <top/>
      <bottom style="dashed">
        <color indexed="64"/>
      </bottom>
      <diagonal/>
    </border>
    <border>
      <left style="dashed">
        <color indexed="64"/>
      </left>
      <right style="dashed">
        <color indexed="64"/>
      </right>
      <top style="dashed">
        <color indexed="64"/>
      </top>
      <bottom/>
      <diagonal/>
    </border>
    <border>
      <left style="dashed">
        <color indexed="64"/>
      </left>
      <right style="thick">
        <color indexed="64"/>
      </right>
      <top style="dashed">
        <color indexed="64"/>
      </top>
      <bottom/>
      <diagonal/>
    </border>
    <border>
      <left/>
      <right style="dashed">
        <color indexed="64"/>
      </right>
      <top style="dashed">
        <color indexed="64"/>
      </top>
      <bottom/>
      <diagonal/>
    </border>
    <border>
      <left style="dashed">
        <color indexed="64"/>
      </left>
      <right style="dashed">
        <color indexed="64"/>
      </right>
      <top style="dashed">
        <color indexed="64"/>
      </top>
      <bottom style="thick">
        <color indexed="64"/>
      </bottom>
      <diagonal/>
    </border>
    <border>
      <left/>
      <right style="dashed">
        <color indexed="64"/>
      </right>
      <top style="dashed">
        <color indexed="64"/>
      </top>
      <bottom style="thick">
        <color indexed="64"/>
      </bottom>
      <diagonal/>
    </border>
    <border>
      <left style="hair">
        <color indexed="64"/>
      </left>
      <right/>
      <top style="thin">
        <color auto="1"/>
      </top>
      <bottom/>
      <diagonal/>
    </border>
    <border>
      <left style="dashed">
        <color indexed="64"/>
      </left>
      <right style="thick">
        <color indexed="64"/>
      </right>
      <top style="thick">
        <color indexed="64"/>
      </top>
      <bottom style="dashed">
        <color indexed="64"/>
      </bottom>
      <diagonal/>
    </border>
    <border>
      <left style="dashed">
        <color indexed="64"/>
      </left>
      <right style="dashed">
        <color indexed="64"/>
      </right>
      <top style="thick">
        <color indexed="64"/>
      </top>
      <bottom style="dashed">
        <color indexed="64"/>
      </bottom>
      <diagonal/>
    </border>
    <border>
      <left style="hair">
        <color indexed="64"/>
      </left>
      <right style="thin">
        <color auto="1"/>
      </right>
      <top style="dotted">
        <color indexed="64"/>
      </top>
      <bottom style="thin">
        <color auto="1"/>
      </bottom>
      <diagonal/>
    </border>
    <border>
      <left style="thin">
        <color auto="1"/>
      </left>
      <right style="hair">
        <color indexed="64"/>
      </right>
      <top style="dotted">
        <color indexed="64"/>
      </top>
      <bottom style="thin">
        <color auto="1"/>
      </bottom>
      <diagonal/>
    </border>
    <border>
      <left/>
      <right style="medium">
        <color indexed="64"/>
      </right>
      <top/>
      <bottom style="medium">
        <color indexed="64"/>
      </bottom>
      <diagonal/>
    </border>
    <border>
      <left style="thin">
        <color auto="1"/>
      </left>
      <right style="medium">
        <color indexed="64"/>
      </right>
      <top style="thin">
        <color auto="1"/>
      </top>
      <bottom/>
      <diagonal/>
    </border>
    <border>
      <left style="thin">
        <color auto="1"/>
      </left>
      <right style="medium">
        <color indexed="64"/>
      </right>
      <top style="hair">
        <color indexed="64"/>
      </top>
      <bottom/>
      <diagonal/>
    </border>
    <border>
      <left style="thin">
        <color auto="1"/>
      </left>
      <right style="medium">
        <color indexed="64"/>
      </right>
      <top style="hair">
        <color indexed="64"/>
      </top>
      <bottom style="thin">
        <color auto="1"/>
      </bottom>
      <diagonal/>
    </border>
    <border>
      <left style="thin">
        <color auto="1"/>
      </left>
      <right style="medium">
        <color indexed="64"/>
      </right>
      <top/>
      <bottom/>
      <diagonal/>
    </border>
    <border>
      <left style="thin">
        <color auto="1"/>
      </left>
      <right style="medium">
        <color indexed="64"/>
      </right>
      <top style="thin">
        <color auto="1"/>
      </top>
      <bottom style="hair">
        <color auto="1"/>
      </bottom>
      <diagonal/>
    </border>
    <border>
      <left/>
      <right style="medium">
        <color indexed="64"/>
      </right>
      <top/>
      <bottom style="thin">
        <color auto="1"/>
      </bottom>
      <diagonal/>
    </border>
    <border>
      <left style="thin">
        <color auto="1"/>
      </left>
      <right style="medium">
        <color indexed="64"/>
      </right>
      <top style="hair">
        <color indexed="64"/>
      </top>
      <bottom style="hair">
        <color indexed="64"/>
      </bottom>
      <diagonal/>
    </border>
    <border>
      <left style="thin">
        <color auto="1"/>
      </left>
      <right style="medium">
        <color indexed="64"/>
      </right>
      <top style="double">
        <color indexed="64"/>
      </top>
      <bottom/>
      <diagonal/>
    </border>
    <border>
      <left/>
      <right style="hair">
        <color auto="1"/>
      </right>
      <top style="double">
        <color indexed="64"/>
      </top>
      <bottom style="hair">
        <color auto="1"/>
      </bottom>
      <diagonal/>
    </border>
    <border>
      <left style="hair">
        <color auto="1"/>
      </left>
      <right style="hair">
        <color auto="1"/>
      </right>
      <top style="double">
        <color indexed="64"/>
      </top>
      <bottom style="hair">
        <color auto="1"/>
      </bottom>
      <diagonal/>
    </border>
    <border>
      <left style="thin">
        <color auto="1"/>
      </left>
      <right style="thin">
        <color auto="1"/>
      </right>
      <top style="double">
        <color indexed="64"/>
      </top>
      <bottom/>
      <diagonal/>
    </border>
    <border>
      <left style="hair">
        <color auto="1"/>
      </left>
      <right style="thin">
        <color auto="1"/>
      </right>
      <top style="double">
        <color indexed="64"/>
      </top>
      <bottom style="hair">
        <color auto="1"/>
      </bottom>
      <diagonal/>
    </border>
    <border>
      <left style="thin">
        <color auto="1"/>
      </left>
      <right style="hair">
        <color auto="1"/>
      </right>
      <top style="double">
        <color indexed="64"/>
      </top>
      <bottom style="hair">
        <color auto="1"/>
      </bottom>
      <diagonal/>
    </border>
    <border>
      <left style="thin">
        <color auto="1"/>
      </left>
      <right style="medium">
        <color indexed="64"/>
      </right>
      <top/>
      <bottom style="hair">
        <color auto="1"/>
      </bottom>
      <diagonal/>
    </border>
    <border>
      <left style="thin">
        <color auto="1"/>
      </left>
      <right style="medium">
        <color indexed="64"/>
      </right>
      <top/>
      <bottom style="double">
        <color indexed="64"/>
      </bottom>
      <diagonal/>
    </border>
    <border>
      <left style="thin">
        <color auto="1"/>
      </left>
      <right style="thin">
        <color auto="1"/>
      </right>
      <top/>
      <bottom style="double">
        <color indexed="64"/>
      </bottom>
      <diagonal/>
    </border>
  </borders>
  <cellStyleXfs count="1">
    <xf numFmtId="0" fontId="0" fillId="0" borderId="0">
      <alignment vertical="center"/>
    </xf>
  </cellStyleXfs>
  <cellXfs count="668">
    <xf numFmtId="0" fontId="0" fillId="0" borderId="0" xfId="0">
      <alignment vertical="center"/>
    </xf>
    <xf numFmtId="0" fontId="2" fillId="0" borderId="0" xfId="0" applyFont="1" applyAlignment="1">
      <alignment horizontal="center" vertical="center"/>
    </xf>
    <xf numFmtId="0" fontId="2" fillId="2" borderId="19" xfId="0" applyFont="1" applyFill="1" applyBorder="1" applyAlignment="1">
      <alignment horizontal="center" vertical="center"/>
    </xf>
    <xf numFmtId="0" fontId="2" fillId="2" borderId="0" xfId="0" applyFont="1" applyFill="1" applyBorder="1" applyAlignment="1">
      <alignment horizontal="center" vertical="center"/>
    </xf>
    <xf numFmtId="0" fontId="2" fillId="2" borderId="9" xfId="0" applyFont="1" applyFill="1" applyBorder="1" applyAlignment="1">
      <alignment horizontal="center" vertical="center"/>
    </xf>
    <xf numFmtId="0" fontId="2" fillId="0" borderId="0" xfId="0" applyFont="1" applyAlignment="1">
      <alignment vertical="center" wrapText="1"/>
    </xf>
    <xf numFmtId="0" fontId="3" fillId="0" borderId="0" xfId="0" applyFont="1">
      <alignment vertical="center"/>
    </xf>
    <xf numFmtId="0" fontId="3" fillId="0" borderId="0" xfId="0" applyFont="1" applyFill="1" applyBorder="1" applyAlignment="1">
      <alignment vertical="center"/>
    </xf>
    <xf numFmtId="0" fontId="3" fillId="2" borderId="18" xfId="0" applyFont="1" applyFill="1" applyBorder="1" applyProtection="1">
      <alignment vertical="center"/>
      <protection locked="0"/>
    </xf>
    <xf numFmtId="0" fontId="3" fillId="2" borderId="6" xfId="0" applyFont="1" applyFill="1" applyBorder="1" applyProtection="1">
      <alignment vertical="center"/>
      <protection locked="0"/>
    </xf>
    <xf numFmtId="0" fontId="3" fillId="2" borderId="0" xfId="0" applyFont="1" applyFill="1" applyBorder="1" applyProtection="1">
      <alignment vertical="center"/>
      <protection locked="0"/>
    </xf>
    <xf numFmtId="0" fontId="3" fillId="2" borderId="9" xfId="0" applyFont="1" applyFill="1" applyBorder="1" applyProtection="1">
      <alignment vertical="center"/>
      <protection locked="0"/>
    </xf>
    <xf numFmtId="0" fontId="3" fillId="2" borderId="6" xfId="0" applyFont="1" applyFill="1" applyBorder="1" applyAlignment="1">
      <alignment horizontal="right" vertical="top"/>
    </xf>
    <xf numFmtId="0" fontId="3" fillId="2" borderId="8" xfId="0" applyFont="1" applyFill="1" applyBorder="1" applyAlignment="1">
      <alignment horizontal="right"/>
    </xf>
    <xf numFmtId="0" fontId="3" fillId="2" borderId="5" xfId="0" applyFont="1" applyFill="1" applyBorder="1" applyProtection="1">
      <alignment vertical="center"/>
      <protection locked="0"/>
    </xf>
    <xf numFmtId="0" fontId="3" fillId="2" borderId="19" xfId="0" applyFont="1" applyFill="1" applyBorder="1" applyProtection="1">
      <alignment vertical="center"/>
      <protection locked="0"/>
    </xf>
    <xf numFmtId="0" fontId="2" fillId="0" borderId="0" xfId="0" applyFont="1">
      <alignment vertical="center"/>
    </xf>
    <xf numFmtId="0" fontId="2" fillId="0" borderId="20" xfId="0" applyFont="1" applyBorder="1">
      <alignment vertical="center"/>
    </xf>
    <xf numFmtId="0" fontId="2" fillId="0" borderId="21" xfId="0" applyFont="1" applyBorder="1">
      <alignment vertical="center"/>
    </xf>
    <xf numFmtId="0" fontId="2" fillId="0" borderId="22" xfId="0" applyFont="1" applyBorder="1">
      <alignment vertical="center"/>
    </xf>
    <xf numFmtId="0" fontId="2" fillId="0" borderId="23" xfId="0" applyFont="1" applyBorder="1">
      <alignment vertical="center"/>
    </xf>
    <xf numFmtId="0" fontId="2" fillId="0" borderId="16" xfId="0" applyFont="1" applyBorder="1">
      <alignment vertical="center"/>
    </xf>
    <xf numFmtId="0" fontId="2" fillId="0" borderId="24" xfId="0" applyFont="1" applyBorder="1">
      <alignment vertical="center"/>
    </xf>
    <xf numFmtId="0" fontId="2" fillId="0" borderId="25" xfId="0" applyFont="1" applyBorder="1">
      <alignment vertical="center"/>
    </xf>
    <xf numFmtId="0" fontId="2" fillId="0" borderId="26" xfId="0" applyFont="1" applyBorder="1">
      <alignment vertical="center"/>
    </xf>
    <xf numFmtId="0" fontId="2" fillId="0" borderId="27" xfId="0" applyFont="1" applyBorder="1">
      <alignment vertical="center"/>
    </xf>
    <xf numFmtId="0" fontId="2" fillId="0" borderId="0" xfId="0" applyFont="1" applyAlignment="1">
      <alignment horizontal="left" vertical="top" wrapText="1"/>
    </xf>
    <xf numFmtId="0" fontId="2" fillId="0" borderId="20" xfId="0" applyFont="1" applyBorder="1" applyProtection="1">
      <alignment vertical="center"/>
      <protection locked="0"/>
    </xf>
    <xf numFmtId="0" fontId="2" fillId="0" borderId="21" xfId="0" applyFont="1" applyBorder="1" applyProtection="1">
      <alignment vertical="center"/>
      <protection locked="0"/>
    </xf>
    <xf numFmtId="0" fontId="2" fillId="0" borderId="22" xfId="0" applyFont="1" applyBorder="1" applyProtection="1">
      <alignment vertical="center"/>
      <protection locked="0"/>
    </xf>
    <xf numFmtId="0" fontId="2" fillId="0" borderId="23" xfId="0" applyFont="1" applyBorder="1" applyProtection="1">
      <alignment vertical="center"/>
      <protection locked="0"/>
    </xf>
    <xf numFmtId="0" fontId="2" fillId="0" borderId="16" xfId="0" applyFont="1" applyBorder="1" applyProtection="1">
      <alignment vertical="center"/>
      <protection locked="0"/>
    </xf>
    <xf numFmtId="0" fontId="2" fillId="0" borderId="24" xfId="0" applyFont="1" applyBorder="1" applyProtection="1">
      <alignment vertical="center"/>
      <protection locked="0"/>
    </xf>
    <xf numFmtId="0" fontId="2" fillId="0" borderId="25" xfId="0" applyFont="1" applyBorder="1" applyProtection="1">
      <alignment vertical="center"/>
      <protection locked="0"/>
    </xf>
    <xf numFmtId="0" fontId="2" fillId="0" borderId="26" xfId="0" applyFont="1" applyBorder="1" applyProtection="1">
      <alignment vertical="center"/>
      <protection locked="0"/>
    </xf>
    <xf numFmtId="0" fontId="2" fillId="0" borderId="27" xfId="0" applyFont="1" applyBorder="1" applyProtection="1">
      <alignment vertical="center"/>
      <protection locked="0"/>
    </xf>
    <xf numFmtId="0" fontId="2" fillId="0" borderId="28" xfId="0" applyFont="1" applyBorder="1" applyProtection="1">
      <alignment vertical="center"/>
      <protection locked="0"/>
    </xf>
    <xf numFmtId="0" fontId="2" fillId="0" borderId="29" xfId="0" applyFont="1" applyBorder="1" applyProtection="1">
      <alignment vertical="center"/>
      <protection locked="0"/>
    </xf>
    <xf numFmtId="0" fontId="2" fillId="0" borderId="30" xfId="0" applyFont="1" applyBorder="1" applyProtection="1">
      <alignment vertical="center"/>
      <protection locked="0"/>
    </xf>
    <xf numFmtId="0" fontId="2" fillId="0" borderId="34" xfId="0" applyFont="1" applyBorder="1" applyProtection="1">
      <alignment vertical="center"/>
      <protection locked="0"/>
    </xf>
    <xf numFmtId="0" fontId="2" fillId="0" borderId="35" xfId="0" applyFont="1" applyBorder="1" applyProtection="1">
      <alignment vertical="center"/>
      <protection locked="0"/>
    </xf>
    <xf numFmtId="0" fontId="2" fillId="0" borderId="36" xfId="0" applyFont="1" applyBorder="1" applyProtection="1">
      <alignment vertical="center"/>
      <protection locked="0"/>
    </xf>
    <xf numFmtId="0" fontId="2" fillId="0" borderId="37" xfId="0" applyFont="1" applyBorder="1" applyProtection="1">
      <alignment vertical="center"/>
      <protection locked="0"/>
    </xf>
    <xf numFmtId="0" fontId="2" fillId="0" borderId="38" xfId="0" applyFont="1" applyBorder="1" applyProtection="1">
      <alignment vertical="center"/>
      <protection locked="0"/>
    </xf>
    <xf numFmtId="0" fontId="2" fillId="0" borderId="39" xfId="0" applyFont="1" applyBorder="1" applyProtection="1">
      <alignment vertical="center"/>
      <protection locked="0"/>
    </xf>
    <xf numFmtId="0" fontId="2" fillId="0" borderId="40" xfId="0" applyFont="1" applyBorder="1" applyProtection="1">
      <alignment vertical="center"/>
      <protection locked="0"/>
    </xf>
    <xf numFmtId="0" fontId="2" fillId="0" borderId="37" xfId="0" applyFont="1" applyBorder="1">
      <alignment vertical="center"/>
    </xf>
    <xf numFmtId="0" fontId="2" fillId="0" borderId="38" xfId="0" applyFont="1" applyBorder="1">
      <alignment vertical="center"/>
    </xf>
    <xf numFmtId="0" fontId="2" fillId="0" borderId="40" xfId="0" applyFont="1" applyBorder="1">
      <alignment vertical="center"/>
    </xf>
    <xf numFmtId="0" fontId="2" fillId="0" borderId="43" xfId="0" applyFont="1" applyBorder="1" applyAlignment="1">
      <alignment horizontal="left" vertical="top" wrapText="1"/>
    </xf>
    <xf numFmtId="0" fontId="2" fillId="0" borderId="45" xfId="0" applyFont="1" applyBorder="1" applyAlignment="1">
      <alignment horizontal="left" vertical="top" wrapText="1"/>
    </xf>
    <xf numFmtId="0" fontId="2" fillId="0" borderId="47" xfId="0" applyFont="1" applyBorder="1" applyAlignment="1">
      <alignment horizontal="left" vertical="top" wrapText="1"/>
    </xf>
    <xf numFmtId="0" fontId="2" fillId="0" borderId="49" xfId="0" applyFont="1" applyBorder="1" applyAlignment="1">
      <alignment horizontal="left" vertical="top" wrapText="1"/>
    </xf>
    <xf numFmtId="0" fontId="2" fillId="0" borderId="52" xfId="0" applyFont="1" applyBorder="1" applyAlignment="1">
      <alignment horizontal="left" vertical="top" wrapText="1"/>
    </xf>
    <xf numFmtId="0" fontId="2" fillId="0" borderId="54" xfId="0" applyFont="1" applyBorder="1" applyAlignment="1">
      <alignment horizontal="left" vertical="top" wrapText="1"/>
    </xf>
    <xf numFmtId="0" fontId="2" fillId="0" borderId="55" xfId="0" applyFont="1" applyBorder="1" applyAlignment="1">
      <alignment horizontal="left" vertical="top" wrapText="1"/>
    </xf>
    <xf numFmtId="0" fontId="2" fillId="0" borderId="46" xfId="0" applyFont="1" applyBorder="1" applyProtection="1">
      <alignment vertical="center"/>
      <protection locked="0"/>
    </xf>
    <xf numFmtId="0" fontId="2" fillId="0" borderId="61" xfId="0" applyFont="1" applyBorder="1" applyAlignment="1">
      <alignment horizontal="left" vertical="top" wrapText="1"/>
    </xf>
    <xf numFmtId="0" fontId="2" fillId="0" borderId="67" xfId="0" applyFont="1" applyBorder="1" applyProtection="1">
      <alignment vertical="center"/>
      <protection locked="0"/>
    </xf>
    <xf numFmtId="0" fontId="0" fillId="0" borderId="5" xfId="0" applyBorder="1">
      <alignment vertical="center"/>
    </xf>
    <xf numFmtId="0" fontId="0" fillId="0" borderId="18" xfId="0" applyBorder="1">
      <alignment vertical="center"/>
    </xf>
    <xf numFmtId="0" fontId="0" fillId="0" borderId="6" xfId="0" applyBorder="1">
      <alignment vertical="center"/>
    </xf>
    <xf numFmtId="0" fontId="0" fillId="0" borderId="19" xfId="0" applyBorder="1">
      <alignment vertical="center"/>
    </xf>
    <xf numFmtId="0" fontId="0" fillId="0" borderId="0" xfId="0" applyBorder="1">
      <alignment vertical="center"/>
    </xf>
    <xf numFmtId="0" fontId="0" fillId="0" borderId="9" xfId="0" applyBorder="1">
      <alignment vertical="center"/>
    </xf>
    <xf numFmtId="0" fontId="6" fillId="4" borderId="0" xfId="0" applyFont="1" applyFill="1" applyBorder="1">
      <alignment vertical="center"/>
    </xf>
    <xf numFmtId="0" fontId="8" fillId="4" borderId="0" xfId="0" applyFont="1" applyFill="1" applyBorder="1" applyAlignment="1">
      <alignment horizontal="center" vertical="center" wrapText="1"/>
    </xf>
    <xf numFmtId="0" fontId="7" fillId="4" borderId="0" xfId="0" applyFont="1" applyFill="1" applyBorder="1" applyAlignment="1">
      <alignment horizontal="center" vertical="center" wrapText="1"/>
    </xf>
    <xf numFmtId="0" fontId="3" fillId="5" borderId="0" xfId="0" applyFont="1" applyFill="1" applyBorder="1" applyAlignment="1">
      <alignment horizontal="left" vertical="top"/>
    </xf>
    <xf numFmtId="0" fontId="3" fillId="2" borderId="0" xfId="0" applyFont="1" applyFill="1" applyBorder="1" applyAlignment="1">
      <alignment horizontal="left" vertical="top"/>
    </xf>
    <xf numFmtId="0" fontId="0" fillId="2" borderId="0" xfId="0" applyFill="1" applyBorder="1">
      <alignment vertical="center"/>
    </xf>
    <xf numFmtId="0" fontId="0" fillId="0" borderId="0" xfId="0" applyBorder="1" applyAlignment="1">
      <alignment horizontal="center" vertical="center"/>
    </xf>
    <xf numFmtId="0" fontId="0" fillId="2" borderId="0" xfId="0" applyFill="1">
      <alignment vertical="center"/>
    </xf>
    <xf numFmtId="0" fontId="0" fillId="0" borderId="73" xfId="0" applyFont="1" applyFill="1" applyBorder="1">
      <alignment vertical="center"/>
    </xf>
    <xf numFmtId="0" fontId="0" fillId="0" borderId="74" xfId="0" applyFont="1" applyFill="1" applyBorder="1">
      <alignment vertical="center"/>
    </xf>
    <xf numFmtId="0" fontId="0" fillId="0" borderId="0" xfId="0" applyFill="1">
      <alignment vertical="center"/>
    </xf>
    <xf numFmtId="0" fontId="3" fillId="0" borderId="73" xfId="0" applyFont="1" applyFill="1" applyBorder="1">
      <alignment vertical="center"/>
    </xf>
    <xf numFmtId="0" fontId="9" fillId="0" borderId="0" xfId="0" applyFont="1" applyBorder="1" applyAlignment="1">
      <alignment horizontal="center" vertical="center"/>
    </xf>
    <xf numFmtId="0" fontId="9" fillId="0" borderId="0" xfId="0" applyFont="1" applyBorder="1" applyAlignment="1">
      <alignment horizontal="left" vertical="center"/>
    </xf>
    <xf numFmtId="0" fontId="0" fillId="0" borderId="0" xfId="0" applyBorder="1" applyAlignment="1">
      <alignment horizontal="left" vertical="center" wrapText="1"/>
    </xf>
    <xf numFmtId="0" fontId="0" fillId="0" borderId="0" xfId="0" applyBorder="1" applyAlignment="1">
      <alignment horizontal="left" vertical="center"/>
    </xf>
    <xf numFmtId="0" fontId="0" fillId="0" borderId="0" xfId="0" applyFont="1" applyBorder="1" applyAlignment="1">
      <alignment horizontal="left" vertical="center" wrapText="1"/>
    </xf>
    <xf numFmtId="0" fontId="0" fillId="0" borderId="0" xfId="0" applyBorder="1" applyAlignment="1">
      <alignment vertical="center" wrapText="1"/>
    </xf>
    <xf numFmtId="0" fontId="0" fillId="0" borderId="68" xfId="0" applyBorder="1" applyAlignment="1">
      <alignment horizontal="center" vertical="center"/>
    </xf>
    <xf numFmtId="0" fontId="0" fillId="0" borderId="0" xfId="0" applyBorder="1" applyAlignment="1">
      <alignment horizontal="left" vertical="top" wrapText="1"/>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32" xfId="0" applyFont="1" applyBorder="1" applyAlignment="1">
      <alignment horizontal="center" vertical="center"/>
    </xf>
    <xf numFmtId="0" fontId="3" fillId="0" borderId="13" xfId="0" applyFont="1" applyBorder="1" applyAlignment="1">
      <alignment horizontal="center" vertical="center"/>
    </xf>
    <xf numFmtId="0" fontId="3" fillId="0" borderId="14" xfId="0" applyFont="1" applyBorder="1" applyAlignment="1">
      <alignment horizontal="center" vertical="center"/>
    </xf>
    <xf numFmtId="0" fontId="9" fillId="0" borderId="68" xfId="0" applyFont="1" applyBorder="1">
      <alignment vertical="center"/>
    </xf>
    <xf numFmtId="0" fontId="14" fillId="0" borderId="72" xfId="0" applyFont="1" applyBorder="1" applyAlignment="1">
      <alignment horizontal="center" vertical="center"/>
    </xf>
    <xf numFmtId="0" fontId="14" fillId="0" borderId="4" xfId="0" applyFont="1" applyBorder="1" applyAlignment="1">
      <alignment horizontal="center" vertical="center"/>
    </xf>
    <xf numFmtId="0" fontId="14" fillId="0" borderId="68" xfId="0" applyFont="1" applyBorder="1" applyAlignment="1">
      <alignment horizontal="center" vertical="center"/>
    </xf>
    <xf numFmtId="0" fontId="4" fillId="0" borderId="5" xfId="0" applyFont="1" applyBorder="1">
      <alignment vertical="center"/>
    </xf>
    <xf numFmtId="0" fontId="4" fillId="0" borderId="19" xfId="0" applyFont="1" applyBorder="1">
      <alignment vertical="center"/>
    </xf>
    <xf numFmtId="0" fontId="4" fillId="0" borderId="7" xfId="0" applyFont="1" applyBorder="1">
      <alignment vertical="center"/>
    </xf>
    <xf numFmtId="0" fontId="4" fillId="0" borderId="83" xfId="0" applyFont="1" applyBorder="1">
      <alignment vertical="center"/>
    </xf>
    <xf numFmtId="0" fontId="4" fillId="0" borderId="84" xfId="0" applyFont="1" applyBorder="1">
      <alignment vertical="center"/>
    </xf>
    <xf numFmtId="176" fontId="4" fillId="0" borderId="85" xfId="0" applyNumberFormat="1" applyFont="1" applyBorder="1" applyAlignment="1">
      <alignment horizontal="center" vertical="center"/>
    </xf>
    <xf numFmtId="176" fontId="4" fillId="0" borderId="86" xfId="0" applyNumberFormat="1" applyFont="1" applyBorder="1" applyAlignment="1">
      <alignment horizontal="center" vertical="center"/>
    </xf>
    <xf numFmtId="176" fontId="4" fillId="0" borderId="87" xfId="0" applyNumberFormat="1" applyFont="1" applyBorder="1" applyAlignment="1">
      <alignment horizontal="center" vertical="center"/>
    </xf>
    <xf numFmtId="176" fontId="4" fillId="0" borderId="88" xfId="0" applyNumberFormat="1" applyFont="1" applyBorder="1" applyAlignment="1">
      <alignment horizontal="center" vertical="center"/>
    </xf>
    <xf numFmtId="176" fontId="4" fillId="0" borderId="89" xfId="0" applyNumberFormat="1" applyFont="1" applyBorder="1" applyAlignment="1">
      <alignment horizontal="center" vertical="center"/>
    </xf>
    <xf numFmtId="176" fontId="4" fillId="0" borderId="90" xfId="0" applyNumberFormat="1" applyFont="1" applyBorder="1" applyAlignment="1">
      <alignment horizontal="center" vertical="center"/>
    </xf>
    <xf numFmtId="176" fontId="4" fillId="0" borderId="91" xfId="0" applyNumberFormat="1" applyFont="1" applyBorder="1" applyAlignment="1">
      <alignment horizontal="center" vertical="center"/>
    </xf>
    <xf numFmtId="176" fontId="4" fillId="0" borderId="92" xfId="0" applyNumberFormat="1" applyFont="1" applyBorder="1" applyAlignment="1">
      <alignment horizontal="center" vertical="center"/>
    </xf>
    <xf numFmtId="176" fontId="4" fillId="0" borderId="93" xfId="0" applyNumberFormat="1" applyFont="1" applyBorder="1" applyAlignment="1">
      <alignment horizontal="center" vertical="center"/>
    </xf>
    <xf numFmtId="176" fontId="4" fillId="0" borderId="94" xfId="0" applyNumberFormat="1" applyFont="1" applyBorder="1" applyAlignment="1">
      <alignment horizontal="center" vertical="center"/>
    </xf>
    <xf numFmtId="176" fontId="4" fillId="0" borderId="95" xfId="0" applyNumberFormat="1" applyFont="1" applyBorder="1" applyAlignment="1">
      <alignment horizontal="center" vertical="center"/>
    </xf>
    <xf numFmtId="176" fontId="4" fillId="0" borderId="96" xfId="0" applyNumberFormat="1" applyFont="1" applyBorder="1" applyAlignment="1">
      <alignment horizontal="center" vertical="center"/>
    </xf>
    <xf numFmtId="0" fontId="2" fillId="6" borderId="56" xfId="0" applyFont="1" applyFill="1" applyBorder="1" applyAlignment="1">
      <alignment horizontal="left" vertical="top" wrapText="1"/>
    </xf>
    <xf numFmtId="0" fontId="2" fillId="6" borderId="45" xfId="0" applyFont="1" applyFill="1" applyBorder="1" applyAlignment="1">
      <alignment horizontal="left" vertical="top" wrapText="1"/>
    </xf>
    <xf numFmtId="0" fontId="2" fillId="6" borderId="43" xfId="0" applyFont="1" applyFill="1" applyBorder="1" applyAlignment="1">
      <alignment horizontal="left" vertical="top" wrapText="1"/>
    </xf>
    <xf numFmtId="0" fontId="2" fillId="6" borderId="52" xfId="0" applyFont="1" applyFill="1" applyBorder="1" applyAlignment="1">
      <alignment horizontal="left" vertical="top" wrapText="1"/>
    </xf>
    <xf numFmtId="0" fontId="2" fillId="6" borderId="53" xfId="0" applyFont="1" applyFill="1" applyBorder="1" applyAlignment="1">
      <alignment horizontal="left" vertical="top" wrapText="1"/>
    </xf>
    <xf numFmtId="0" fontId="2" fillId="6" borderId="54" xfId="0" applyFont="1" applyFill="1" applyBorder="1" applyAlignment="1">
      <alignment horizontal="left" vertical="top" wrapText="1"/>
    </xf>
    <xf numFmtId="0" fontId="2" fillId="6" borderId="37" xfId="0" applyFont="1" applyFill="1" applyBorder="1" applyProtection="1">
      <alignment vertical="center"/>
      <protection locked="0"/>
    </xf>
    <xf numFmtId="0" fontId="2" fillId="6" borderId="21" xfId="0" applyFont="1" applyFill="1" applyBorder="1" applyProtection="1">
      <alignment vertical="center"/>
      <protection locked="0"/>
    </xf>
    <xf numFmtId="0" fontId="2" fillId="6" borderId="22" xfId="0" applyFont="1" applyFill="1" applyBorder="1" applyProtection="1">
      <alignment vertical="center"/>
      <protection locked="0"/>
    </xf>
    <xf numFmtId="0" fontId="2" fillId="6" borderId="38" xfId="0" applyFont="1" applyFill="1" applyBorder="1" applyProtection="1">
      <alignment vertical="center"/>
      <protection locked="0"/>
    </xf>
    <xf numFmtId="0" fontId="2" fillId="6" borderId="16" xfId="0" applyFont="1" applyFill="1" applyBorder="1" applyProtection="1">
      <alignment vertical="center"/>
      <protection locked="0"/>
    </xf>
    <xf numFmtId="0" fontId="2" fillId="6" borderId="24" xfId="0" applyFont="1" applyFill="1" applyBorder="1" applyProtection="1">
      <alignment vertical="center"/>
      <protection locked="0"/>
    </xf>
    <xf numFmtId="0" fontId="2" fillId="6" borderId="40" xfId="0" applyFont="1" applyFill="1" applyBorder="1" applyProtection="1">
      <alignment vertical="center"/>
      <protection locked="0"/>
    </xf>
    <xf numFmtId="0" fontId="2" fillId="6" borderId="26" xfId="0" applyFont="1" applyFill="1" applyBorder="1" applyProtection="1">
      <alignment vertical="center"/>
      <protection locked="0"/>
    </xf>
    <xf numFmtId="0" fontId="2" fillId="6" borderId="27" xfId="0" applyFont="1" applyFill="1" applyBorder="1" applyProtection="1">
      <alignment vertical="center"/>
      <protection locked="0"/>
    </xf>
    <xf numFmtId="177" fontId="13" fillId="0" borderId="72" xfId="0" applyNumberFormat="1" applyFont="1" applyBorder="1" applyAlignment="1">
      <alignment horizontal="center" vertical="center"/>
    </xf>
    <xf numFmtId="0" fontId="2" fillId="0" borderId="49" xfId="0" applyFont="1" applyBorder="1" applyAlignment="1">
      <alignment horizontal="left" vertical="center" wrapText="1"/>
    </xf>
    <xf numFmtId="0" fontId="2" fillId="0" borderId="45" xfId="0" applyFont="1" applyBorder="1" applyAlignment="1">
      <alignment horizontal="left" vertical="center" wrapText="1"/>
    </xf>
    <xf numFmtId="0" fontId="2" fillId="0" borderId="21" xfId="0" applyFont="1" applyBorder="1" applyAlignment="1" applyProtection="1">
      <alignment horizontal="center" vertical="center"/>
      <protection locked="0"/>
    </xf>
    <xf numFmtId="0" fontId="2" fillId="0" borderId="22" xfId="0" applyFont="1" applyBorder="1" applyAlignment="1" applyProtection="1">
      <alignment horizontal="center" vertical="center"/>
      <protection locked="0"/>
    </xf>
    <xf numFmtId="0" fontId="2" fillId="0" borderId="20" xfId="0" applyFont="1" applyBorder="1" applyAlignment="1" applyProtection="1">
      <alignment horizontal="center" vertical="center"/>
      <protection locked="0"/>
    </xf>
    <xf numFmtId="0" fontId="2" fillId="0" borderId="38" xfId="0" applyFont="1" applyBorder="1" applyAlignment="1" applyProtection="1">
      <alignment horizontal="center" vertical="center"/>
      <protection locked="0"/>
    </xf>
    <xf numFmtId="0" fontId="2" fillId="0" borderId="16" xfId="0" applyFont="1" applyBorder="1" applyAlignment="1" applyProtection="1">
      <alignment horizontal="center" vertical="center"/>
      <protection locked="0"/>
    </xf>
    <xf numFmtId="0" fontId="2" fillId="0" borderId="24" xfId="0" applyFont="1" applyBorder="1" applyAlignment="1" applyProtection="1">
      <alignment horizontal="center" vertical="center"/>
      <protection locked="0"/>
    </xf>
    <xf numFmtId="0" fontId="2" fillId="0" borderId="23" xfId="0" applyFont="1" applyBorder="1" applyAlignment="1" applyProtection="1">
      <alignment horizontal="center" vertical="center"/>
      <protection locked="0"/>
    </xf>
    <xf numFmtId="0" fontId="2" fillId="0" borderId="39" xfId="0" applyFont="1" applyBorder="1" applyAlignment="1" applyProtection="1">
      <alignment horizontal="center" vertical="center"/>
      <protection locked="0"/>
    </xf>
    <xf numFmtId="0" fontId="2" fillId="0" borderId="20" xfId="0" applyFont="1" applyBorder="1" applyAlignment="1">
      <alignment horizontal="center" vertical="center"/>
    </xf>
    <xf numFmtId="0" fontId="2" fillId="0" borderId="21" xfId="0" applyFont="1" applyBorder="1" applyAlignment="1">
      <alignment horizontal="center" vertical="center"/>
    </xf>
    <xf numFmtId="0" fontId="2" fillId="0" borderId="22" xfId="0" applyFont="1" applyBorder="1" applyAlignment="1">
      <alignment horizontal="center" vertical="center"/>
    </xf>
    <xf numFmtId="0" fontId="2" fillId="0" borderId="23" xfId="0" applyFont="1" applyBorder="1" applyAlignment="1">
      <alignment horizontal="center" vertical="center"/>
    </xf>
    <xf numFmtId="0" fontId="2" fillId="0" borderId="16" xfId="0" applyFont="1" applyBorder="1" applyAlignment="1">
      <alignment horizontal="center" vertical="center"/>
    </xf>
    <xf numFmtId="0" fontId="2" fillId="0" borderId="24" xfId="0" applyFont="1" applyBorder="1" applyAlignment="1">
      <alignment horizontal="center" vertical="center"/>
    </xf>
    <xf numFmtId="0" fontId="2" fillId="0" borderId="29" xfId="0" applyFont="1" applyBorder="1" applyAlignment="1" applyProtection="1">
      <alignment horizontal="center" vertical="center"/>
      <protection locked="0"/>
    </xf>
    <xf numFmtId="0" fontId="2" fillId="0" borderId="30" xfId="0" applyFont="1" applyBorder="1" applyAlignment="1" applyProtection="1">
      <alignment horizontal="center" vertical="center"/>
      <protection locked="0"/>
    </xf>
    <xf numFmtId="0" fontId="2" fillId="0" borderId="13" xfId="0" applyFont="1" applyBorder="1" applyAlignment="1" applyProtection="1">
      <alignment horizontal="center" vertical="center" wrapText="1"/>
      <protection locked="0"/>
    </xf>
    <xf numFmtId="0" fontId="2" fillId="0" borderId="11" xfId="0" applyFont="1" applyBorder="1" applyAlignment="1" applyProtection="1">
      <alignment horizontal="center" vertical="center" wrapText="1"/>
      <protection locked="0"/>
    </xf>
    <xf numFmtId="0" fontId="2" fillId="0" borderId="12" xfId="0" applyFont="1" applyBorder="1" applyAlignment="1" applyProtection="1">
      <alignment horizontal="center" vertical="center" wrapText="1"/>
      <protection locked="0"/>
    </xf>
    <xf numFmtId="0" fontId="2" fillId="0" borderId="32" xfId="0" applyFont="1" applyBorder="1" applyAlignment="1" applyProtection="1">
      <alignment horizontal="center" vertical="center" wrapText="1"/>
      <protection locked="0"/>
    </xf>
    <xf numFmtId="0" fontId="2" fillId="0" borderId="14" xfId="0" applyFont="1" applyBorder="1" applyAlignment="1" applyProtection="1">
      <alignment horizontal="center" vertical="center" wrapText="1"/>
      <protection locked="0"/>
    </xf>
    <xf numFmtId="0" fontId="2" fillId="0" borderId="13" xfId="0" applyFont="1" applyBorder="1" applyAlignment="1" applyProtection="1">
      <alignment horizontal="center" vertical="center" wrapText="1" shrinkToFit="1"/>
      <protection locked="0"/>
    </xf>
    <xf numFmtId="0" fontId="2" fillId="0" borderId="11" xfId="0" applyFont="1" applyBorder="1" applyAlignment="1" applyProtection="1">
      <alignment horizontal="center" vertical="center" wrapText="1" shrinkToFit="1"/>
      <protection locked="0"/>
    </xf>
    <xf numFmtId="0" fontId="2" fillId="0" borderId="12" xfId="0" applyFont="1" applyBorder="1" applyAlignment="1" applyProtection="1">
      <alignment horizontal="center" vertical="center" wrapText="1" shrinkToFit="1"/>
      <protection locked="0"/>
    </xf>
    <xf numFmtId="0" fontId="2" fillId="0" borderId="32" xfId="0" applyFont="1" applyBorder="1" applyAlignment="1" applyProtection="1">
      <alignment horizontal="center" vertical="center" wrapText="1" shrinkToFit="1"/>
      <protection locked="0"/>
    </xf>
    <xf numFmtId="0" fontId="2" fillId="0" borderId="14" xfId="0" applyFont="1" applyBorder="1" applyAlignment="1" applyProtection="1">
      <alignment horizontal="center" vertical="center" wrapText="1" shrinkToFit="1"/>
      <protection locked="0"/>
    </xf>
    <xf numFmtId="0" fontId="2" fillId="0" borderId="7" xfId="0" applyFont="1" applyBorder="1" applyAlignment="1" applyProtection="1">
      <alignment horizontal="center" vertical="center" wrapText="1"/>
      <protection locked="0"/>
    </xf>
    <xf numFmtId="0" fontId="2" fillId="0" borderId="17" xfId="0" applyFont="1" applyBorder="1" applyAlignment="1" applyProtection="1">
      <alignment horizontal="center" vertical="center" wrapText="1"/>
      <protection locked="0"/>
    </xf>
    <xf numFmtId="0" fontId="2" fillId="0" borderId="81" xfId="0" applyFont="1" applyBorder="1" applyAlignment="1" applyProtection="1">
      <alignment horizontal="center" vertical="center" wrapText="1"/>
      <protection locked="0"/>
    </xf>
    <xf numFmtId="0" fontId="2" fillId="0" borderId="79" xfId="0" applyFont="1" applyBorder="1" applyAlignment="1" applyProtection="1">
      <alignment horizontal="center" vertical="center" wrapText="1"/>
      <protection locked="0"/>
    </xf>
    <xf numFmtId="0" fontId="2" fillId="0" borderId="8" xfId="0" applyFont="1" applyBorder="1" applyAlignment="1" applyProtection="1">
      <alignment horizontal="center" vertical="center" wrapText="1"/>
      <protection locked="0"/>
    </xf>
    <xf numFmtId="0" fontId="2" fillId="0" borderId="19" xfId="0" applyFont="1" applyBorder="1" applyAlignment="1" applyProtection="1">
      <alignment horizontal="center" vertical="center" wrapText="1"/>
      <protection locked="0"/>
    </xf>
    <xf numFmtId="0" fontId="2" fillId="0" borderId="33" xfId="0" applyFont="1" applyBorder="1" applyAlignment="1" applyProtection="1">
      <alignment horizontal="center" vertical="center" wrapText="1"/>
      <protection locked="0"/>
    </xf>
    <xf numFmtId="0" fontId="2" fillId="0" borderId="9" xfId="0" applyFont="1" applyBorder="1" applyAlignment="1" applyProtection="1">
      <alignment horizontal="center" vertical="center" wrapText="1"/>
      <protection locked="0"/>
    </xf>
    <xf numFmtId="0" fontId="2" fillId="0" borderId="80" xfId="0" applyFont="1" applyBorder="1" applyAlignment="1" applyProtection="1">
      <alignment horizontal="center" vertical="center" wrapText="1"/>
      <protection locked="0"/>
    </xf>
    <xf numFmtId="0" fontId="2" fillId="0" borderId="78" xfId="0" applyFont="1" applyBorder="1" applyAlignment="1" applyProtection="1">
      <alignment horizontal="center" vertical="center" wrapText="1"/>
      <protection locked="0"/>
    </xf>
    <xf numFmtId="177" fontId="13" fillId="0" borderId="98" xfId="0" applyNumberFormat="1" applyFont="1" applyBorder="1" applyAlignment="1">
      <alignment horizontal="center" vertical="center"/>
    </xf>
    <xf numFmtId="177" fontId="13" fillId="0" borderId="97" xfId="0" applyNumberFormat="1" applyFont="1" applyBorder="1" applyAlignment="1">
      <alignment horizontal="center" vertical="center"/>
    </xf>
    <xf numFmtId="177" fontId="13" fillId="0" borderId="99" xfId="0" applyNumberFormat="1" applyFont="1" applyBorder="1" applyAlignment="1">
      <alignment horizontal="center" vertical="center"/>
    </xf>
    <xf numFmtId="0" fontId="14" fillId="0" borderId="100" xfId="0" applyFont="1" applyBorder="1" applyAlignment="1">
      <alignment horizontal="center" vertical="center"/>
    </xf>
    <xf numFmtId="177" fontId="13" fillId="0" borderId="101" xfId="0" applyNumberFormat="1" applyFont="1" applyBorder="1" applyAlignment="1">
      <alignment horizontal="center" vertical="center"/>
    </xf>
    <xf numFmtId="177" fontId="13" fillId="0" borderId="100" xfId="0" applyNumberFormat="1" applyFont="1" applyBorder="1" applyAlignment="1">
      <alignment horizontal="center" vertical="center"/>
    </xf>
    <xf numFmtId="0" fontId="2" fillId="0" borderId="103" xfId="0" applyFont="1" applyBorder="1" applyAlignment="1">
      <alignment horizontal="left" vertical="top" wrapText="1"/>
    </xf>
    <xf numFmtId="0" fontId="2" fillId="0" borderId="78" xfId="0" applyFont="1" applyBorder="1" applyAlignment="1" applyProtection="1">
      <alignment horizontal="center" vertical="center"/>
      <protection locked="0"/>
    </xf>
    <xf numFmtId="0" fontId="2" fillId="0" borderId="33" xfId="0" applyFont="1" applyBorder="1" applyAlignment="1" applyProtection="1">
      <alignment horizontal="center" vertical="center"/>
      <protection locked="0"/>
    </xf>
    <xf numFmtId="0" fontId="2" fillId="0" borderId="80" xfId="0" applyFont="1" applyBorder="1" applyAlignment="1" applyProtection="1">
      <alignment horizontal="center" vertical="center"/>
      <protection locked="0"/>
    </xf>
    <xf numFmtId="0" fontId="2" fillId="0" borderId="82" xfId="0" applyFont="1" applyBorder="1" applyAlignment="1">
      <alignment horizontal="center" vertical="center"/>
    </xf>
    <xf numFmtId="0" fontId="2" fillId="0" borderId="33" xfId="0" applyFont="1" applyBorder="1" applyAlignment="1">
      <alignment horizontal="center" vertical="center"/>
    </xf>
    <xf numFmtId="0" fontId="2" fillId="0" borderId="80" xfId="0" applyFont="1" applyBorder="1" applyAlignment="1">
      <alignment horizontal="center" vertical="center"/>
    </xf>
    <xf numFmtId="0" fontId="2" fillId="0" borderId="104" xfId="0" applyFont="1" applyBorder="1" applyAlignment="1" applyProtection="1">
      <alignment horizontal="center" vertical="center"/>
      <protection locked="0"/>
    </xf>
    <xf numFmtId="176" fontId="4" fillId="0" borderId="16" xfId="0" applyNumberFormat="1" applyFont="1" applyBorder="1" applyAlignment="1">
      <alignment horizontal="center" vertical="center"/>
    </xf>
    <xf numFmtId="176" fontId="4" fillId="0" borderId="24" xfId="0" applyNumberFormat="1" applyFont="1" applyBorder="1" applyAlignment="1">
      <alignment horizontal="center" vertical="center"/>
    </xf>
    <xf numFmtId="176" fontId="4" fillId="0" borderId="26" xfId="0" applyNumberFormat="1" applyFont="1" applyBorder="1" applyAlignment="1">
      <alignment horizontal="center" vertical="center"/>
    </xf>
    <xf numFmtId="176" fontId="4" fillId="0" borderId="27" xfId="0" applyNumberFormat="1" applyFont="1" applyBorder="1" applyAlignment="1">
      <alignment horizontal="center" vertical="center"/>
    </xf>
    <xf numFmtId="176" fontId="4" fillId="0" borderId="25" xfId="0" applyNumberFormat="1" applyFont="1" applyBorder="1" applyAlignment="1">
      <alignment horizontal="center" vertical="center"/>
    </xf>
    <xf numFmtId="176" fontId="4" fillId="0" borderId="40" xfId="0" applyNumberFormat="1" applyFont="1" applyBorder="1" applyAlignment="1">
      <alignment horizontal="center" vertical="center"/>
    </xf>
    <xf numFmtId="176" fontId="4" fillId="0" borderId="23" xfId="0" applyNumberFormat="1" applyFont="1" applyBorder="1" applyAlignment="1">
      <alignment horizontal="center" vertical="center"/>
    </xf>
    <xf numFmtId="0" fontId="9" fillId="0" borderId="112" xfId="0" applyFont="1" applyBorder="1" applyAlignment="1">
      <alignment horizontal="center" vertical="center" wrapText="1"/>
    </xf>
    <xf numFmtId="0" fontId="0" fillId="0" borderId="0" xfId="0" applyAlignment="1">
      <alignment vertical="center" wrapText="1"/>
    </xf>
    <xf numFmtId="0" fontId="0" fillId="0" borderId="0" xfId="0" applyAlignment="1">
      <alignment horizontal="left" vertical="center"/>
    </xf>
    <xf numFmtId="0" fontId="0" fillId="0" borderId="0" xfId="0" applyBorder="1" applyAlignment="1">
      <alignment vertical="center"/>
    </xf>
    <xf numFmtId="0" fontId="18" fillId="0" borderId="131" xfId="0" applyFont="1" applyBorder="1" applyAlignment="1">
      <alignment vertical="center"/>
    </xf>
    <xf numFmtId="0" fontId="18" fillId="0" borderId="132" xfId="0" applyFont="1" applyBorder="1" applyAlignment="1">
      <alignment vertical="center"/>
    </xf>
    <xf numFmtId="0" fontId="18" fillId="0" borderId="133" xfId="0" applyFont="1" applyBorder="1" applyAlignment="1">
      <alignment vertical="center"/>
    </xf>
    <xf numFmtId="0" fontId="2" fillId="0" borderId="56" xfId="0" applyFont="1" applyBorder="1" applyAlignment="1">
      <alignment horizontal="left" vertical="top" wrapText="1"/>
    </xf>
    <xf numFmtId="0" fontId="2" fillId="0" borderId="154" xfId="0" applyFont="1" applyBorder="1" applyAlignment="1">
      <alignment horizontal="left" vertical="top" wrapText="1"/>
    </xf>
    <xf numFmtId="0" fontId="2" fillId="0" borderId="156" xfId="0" applyFont="1" applyBorder="1" applyAlignment="1">
      <alignment horizontal="left" vertical="top" wrapText="1"/>
    </xf>
    <xf numFmtId="0" fontId="2" fillId="0" borderId="67" xfId="0" applyFont="1" applyBorder="1" applyAlignment="1" applyProtection="1">
      <alignment horizontal="center" vertical="center"/>
      <protection locked="0"/>
    </xf>
    <xf numFmtId="0" fontId="2" fillId="0" borderId="171" xfId="0" applyFont="1" applyBorder="1" applyAlignment="1">
      <alignment horizontal="center" vertical="center"/>
    </xf>
    <xf numFmtId="0" fontId="2" fillId="0" borderId="51" xfId="0" applyFont="1" applyBorder="1" applyAlignment="1">
      <alignment horizontal="center" vertical="center"/>
    </xf>
    <xf numFmtId="0" fontId="2" fillId="0" borderId="172" xfId="0" applyFont="1" applyBorder="1" applyAlignment="1">
      <alignment horizontal="center" vertical="center"/>
    </xf>
    <xf numFmtId="0" fontId="2" fillId="0" borderId="29" xfId="0" applyFont="1" applyBorder="1" applyAlignment="1">
      <alignment horizontal="center" vertical="center"/>
    </xf>
    <xf numFmtId="0" fontId="2" fillId="0" borderId="30" xfId="0" applyFont="1" applyBorder="1" applyAlignment="1">
      <alignment horizontal="center" vertical="center"/>
    </xf>
    <xf numFmtId="0" fontId="2" fillId="0" borderId="180" xfId="0" applyFont="1" applyBorder="1" applyAlignment="1">
      <alignment horizontal="left" vertical="top" wrapText="1"/>
    </xf>
    <xf numFmtId="0" fontId="2" fillId="0" borderId="78" xfId="0" applyFont="1" applyBorder="1" applyAlignment="1">
      <alignment horizontal="left" vertical="top" wrapText="1"/>
    </xf>
    <xf numFmtId="0" fontId="14" fillId="0" borderId="125" xfId="0" applyFont="1" applyBorder="1" applyAlignment="1">
      <alignment horizontal="center" vertical="center"/>
    </xf>
    <xf numFmtId="0" fontId="3" fillId="0" borderId="0" xfId="0" applyFont="1" applyProtection="1">
      <alignment vertical="center"/>
      <protection locked="0"/>
    </xf>
    <xf numFmtId="0" fontId="3" fillId="0" borderId="0" xfId="0" applyFont="1" applyFill="1" applyBorder="1" applyAlignment="1" applyProtection="1">
      <alignment vertical="center"/>
      <protection locked="0"/>
    </xf>
    <xf numFmtId="0" fontId="2" fillId="0" borderId="67" xfId="0" applyFont="1" applyBorder="1" applyAlignment="1">
      <alignment horizontal="center" vertical="center"/>
    </xf>
    <xf numFmtId="0" fontId="2" fillId="0" borderId="38" xfId="0" applyFont="1" applyBorder="1" applyAlignment="1">
      <alignment horizontal="center" vertical="center"/>
    </xf>
    <xf numFmtId="0" fontId="2" fillId="0" borderId="78" xfId="0" applyFont="1" applyBorder="1" applyAlignment="1">
      <alignment horizontal="center" vertical="center"/>
    </xf>
    <xf numFmtId="0" fontId="2" fillId="0" borderId="37" xfId="0" applyFont="1" applyBorder="1" applyAlignment="1" applyProtection="1">
      <alignment horizontal="center" vertical="center"/>
      <protection locked="0"/>
    </xf>
    <xf numFmtId="0" fontId="2" fillId="0" borderId="37" xfId="0" applyFont="1" applyBorder="1" applyAlignment="1">
      <alignment horizontal="center" vertical="center"/>
    </xf>
    <xf numFmtId="0" fontId="2" fillId="0" borderId="192" xfId="0" applyFont="1" applyBorder="1" applyAlignment="1">
      <alignment horizontal="center" vertical="center"/>
    </xf>
    <xf numFmtId="0" fontId="2" fillId="0" borderId="19" xfId="0" applyFont="1" applyBorder="1" applyAlignment="1">
      <alignment horizontal="center" vertical="center"/>
    </xf>
    <xf numFmtId="0" fontId="2" fillId="0" borderId="151" xfId="0" applyFont="1" applyBorder="1">
      <alignment vertical="center"/>
    </xf>
    <xf numFmtId="0" fontId="2" fillId="0" borderId="0" xfId="0" applyFont="1" applyAlignment="1">
      <alignment vertical="top" wrapText="1"/>
    </xf>
    <xf numFmtId="176" fontId="4" fillId="0" borderId="67" xfId="0" applyNumberFormat="1" applyFont="1" applyBorder="1" applyAlignment="1">
      <alignment horizontal="center" vertical="center"/>
    </xf>
    <xf numFmtId="176" fontId="4" fillId="0" borderId="16" xfId="0" applyNumberFormat="1" applyFont="1" applyBorder="1" applyAlignment="1">
      <alignment horizontal="center" vertical="center"/>
    </xf>
    <xf numFmtId="176" fontId="4" fillId="0" borderId="24" xfId="0" applyNumberFormat="1" applyFont="1" applyBorder="1" applyAlignment="1">
      <alignment horizontal="center" vertical="center"/>
    </xf>
    <xf numFmtId="176" fontId="4" fillId="0" borderId="38" xfId="0" applyNumberFormat="1" applyFont="1" applyBorder="1" applyAlignment="1">
      <alignment horizontal="center" vertical="center"/>
    </xf>
    <xf numFmtId="176" fontId="4" fillId="0" borderId="23" xfId="0" applyNumberFormat="1" applyFont="1" applyBorder="1" applyAlignment="1">
      <alignment horizontal="center" vertical="center"/>
    </xf>
    <xf numFmtId="176" fontId="4" fillId="0" borderId="25" xfId="0" applyNumberFormat="1" applyFont="1" applyBorder="1" applyAlignment="1">
      <alignment horizontal="center" vertical="center"/>
    </xf>
    <xf numFmtId="176" fontId="4" fillId="0" borderId="26" xfId="0" applyNumberFormat="1" applyFont="1" applyBorder="1" applyAlignment="1">
      <alignment horizontal="center" vertical="center"/>
    </xf>
    <xf numFmtId="176" fontId="4" fillId="0" borderId="27" xfId="0" applyNumberFormat="1" applyFont="1" applyBorder="1" applyAlignment="1">
      <alignment horizontal="center" vertical="center"/>
    </xf>
    <xf numFmtId="176" fontId="4" fillId="0" borderId="29" xfId="0" applyNumberFormat="1" applyFont="1" applyBorder="1" applyAlignment="1">
      <alignment horizontal="center" vertical="center"/>
    </xf>
    <xf numFmtId="176" fontId="4" fillId="0" borderId="30" xfId="0" applyNumberFormat="1" applyFont="1" applyBorder="1" applyAlignment="1">
      <alignment horizontal="center" vertical="center"/>
    </xf>
    <xf numFmtId="0" fontId="3" fillId="0" borderId="194" xfId="0" applyFont="1" applyBorder="1" applyProtection="1">
      <alignment vertical="center"/>
      <protection locked="0"/>
    </xf>
    <xf numFmtId="0" fontId="3" fillId="0" borderId="0" xfId="0" applyFont="1" applyBorder="1" applyProtection="1">
      <alignment vertical="center"/>
      <protection locked="0"/>
    </xf>
    <xf numFmtId="0" fontId="2" fillId="9" borderId="200" xfId="0" applyFont="1" applyFill="1" applyBorder="1" applyAlignment="1" applyProtection="1">
      <alignment horizontal="center" vertical="center" wrapText="1"/>
      <protection locked="0"/>
    </xf>
    <xf numFmtId="0" fontId="2" fillId="9" borderId="202" xfId="0" applyFont="1" applyFill="1" applyBorder="1" applyAlignment="1" applyProtection="1">
      <alignment horizontal="center" vertical="center" wrapText="1"/>
      <protection locked="0"/>
    </xf>
    <xf numFmtId="0" fontId="2" fillId="9" borderId="201" xfId="0" applyFont="1" applyFill="1" applyBorder="1" applyAlignment="1" applyProtection="1">
      <alignment horizontal="center" vertical="center" wrapText="1"/>
      <protection locked="0"/>
    </xf>
    <xf numFmtId="0" fontId="14" fillId="0" borderId="68" xfId="0" applyFont="1" applyBorder="1" applyAlignment="1">
      <alignment horizontal="center" vertical="center"/>
    </xf>
    <xf numFmtId="0" fontId="0" fillId="0" borderId="5" xfId="0" applyBorder="1" applyProtection="1">
      <alignment vertical="center"/>
      <protection locked="0"/>
    </xf>
    <xf numFmtId="0" fontId="0" fillId="0" borderId="18" xfId="0" applyBorder="1" applyProtection="1">
      <alignment vertical="center"/>
      <protection locked="0"/>
    </xf>
    <xf numFmtId="0" fontId="0" fillId="0" borderId="6" xfId="0" applyBorder="1" applyProtection="1">
      <alignment vertical="center"/>
      <protection locked="0"/>
    </xf>
    <xf numFmtId="0" fontId="0" fillId="0" borderId="19" xfId="0" applyBorder="1" applyProtection="1">
      <alignment vertical="center"/>
      <protection locked="0"/>
    </xf>
    <xf numFmtId="0" fontId="0" fillId="0" borderId="0" xfId="0" applyBorder="1" applyProtection="1">
      <alignment vertical="center"/>
      <protection locked="0"/>
    </xf>
    <xf numFmtId="0" fontId="0" fillId="0" borderId="9" xfId="0" applyBorder="1" applyProtection="1">
      <alignment vertical="center"/>
      <protection locked="0"/>
    </xf>
    <xf numFmtId="0" fontId="0" fillId="0" borderId="1" xfId="0" applyBorder="1" applyProtection="1">
      <alignment vertical="center"/>
      <protection locked="0"/>
    </xf>
    <xf numFmtId="177" fontId="15" fillId="0" borderId="7" xfId="0" applyNumberFormat="1" applyFont="1" applyBorder="1" applyAlignment="1">
      <alignment horizontal="center" vertical="center"/>
    </xf>
    <xf numFmtId="177" fontId="15" fillId="0" borderId="214" xfId="0" applyNumberFormat="1" applyFont="1" applyBorder="1" applyAlignment="1">
      <alignment horizontal="center" vertical="center"/>
    </xf>
    <xf numFmtId="177" fontId="15" fillId="0" borderId="215" xfId="0" applyNumberFormat="1" applyFont="1" applyBorder="1" applyAlignment="1">
      <alignment horizontal="center" vertical="center"/>
    </xf>
    <xf numFmtId="177" fontId="15" fillId="0" borderId="1" xfId="0" applyNumberFormat="1" applyFont="1" applyBorder="1" applyAlignment="1">
      <alignment horizontal="center" vertical="center"/>
    </xf>
    <xf numFmtId="176" fontId="4" fillId="0" borderId="38" xfId="0" applyNumberFormat="1" applyFont="1" applyBorder="1" applyAlignment="1">
      <alignment horizontal="center" vertical="center"/>
    </xf>
    <xf numFmtId="176" fontId="4" fillId="0" borderId="40" xfId="0" applyNumberFormat="1" applyFont="1" applyBorder="1" applyAlignment="1">
      <alignment horizontal="center" vertical="center"/>
    </xf>
    <xf numFmtId="0" fontId="17" fillId="0" borderId="217" xfId="0" applyFont="1" applyBorder="1" applyAlignment="1">
      <alignment vertical="center" wrapText="1"/>
    </xf>
    <xf numFmtId="0" fontId="17" fillId="0" borderId="218" xfId="0" applyFont="1" applyBorder="1" applyAlignment="1">
      <alignment vertical="center" wrapText="1"/>
    </xf>
    <xf numFmtId="0" fontId="17" fillId="0" borderId="219" xfId="0" applyFont="1" applyBorder="1" applyAlignment="1">
      <alignment vertical="center" wrapText="1"/>
    </xf>
    <xf numFmtId="0" fontId="17" fillId="0" borderId="220" xfId="0" applyFont="1" applyBorder="1" applyAlignment="1">
      <alignment vertical="center" wrapText="1"/>
    </xf>
    <xf numFmtId="0" fontId="17" fillId="0" borderId="221" xfId="0" applyFont="1" applyBorder="1" applyAlignment="1">
      <alignment vertical="center" wrapText="1"/>
    </xf>
    <xf numFmtId="0" fontId="17" fillId="0" borderId="223" xfId="0" applyFont="1" applyBorder="1" applyAlignment="1">
      <alignment vertical="center" wrapText="1"/>
    </xf>
    <xf numFmtId="0" fontId="17" fillId="0" borderId="224" xfId="0" applyFont="1" applyBorder="1" applyAlignment="1">
      <alignment vertical="center" wrapText="1"/>
    </xf>
    <xf numFmtId="176" fontId="4" fillId="0" borderId="225" xfId="0" applyNumberFormat="1" applyFont="1" applyBorder="1" applyAlignment="1">
      <alignment horizontal="center" vertical="center"/>
    </xf>
    <xf numFmtId="176" fontId="4" fillId="0" borderId="226" xfId="0" applyNumberFormat="1" applyFont="1" applyBorder="1" applyAlignment="1">
      <alignment horizontal="center" vertical="center"/>
    </xf>
    <xf numFmtId="176" fontId="4" fillId="0" borderId="228" xfId="0" applyNumberFormat="1" applyFont="1" applyBorder="1" applyAlignment="1">
      <alignment horizontal="center" vertical="center"/>
    </xf>
    <xf numFmtId="176" fontId="4" fillId="0" borderId="229" xfId="0" applyNumberFormat="1" applyFont="1" applyBorder="1" applyAlignment="1">
      <alignment horizontal="center" vertical="center"/>
    </xf>
    <xf numFmtId="0" fontId="17" fillId="0" borderId="230" xfId="0" applyFont="1" applyBorder="1" applyAlignment="1">
      <alignment vertical="center" wrapText="1"/>
    </xf>
    <xf numFmtId="0" fontId="17" fillId="0" borderId="231" xfId="0" applyFont="1" applyBorder="1" applyAlignment="1">
      <alignment vertical="center" wrapText="1"/>
    </xf>
    <xf numFmtId="0" fontId="2" fillId="6" borderId="14" xfId="0" applyFont="1" applyFill="1" applyBorder="1" applyAlignment="1">
      <alignment horizontal="center" vertical="center"/>
    </xf>
    <xf numFmtId="0" fontId="2" fillId="6" borderId="68" xfId="0" applyFont="1" applyFill="1" applyBorder="1" applyAlignment="1">
      <alignment horizontal="center" vertical="center"/>
    </xf>
    <xf numFmtId="0" fontId="2" fillId="3" borderId="14" xfId="0" applyFont="1" applyFill="1" applyBorder="1" applyAlignment="1">
      <alignment horizontal="center" vertical="center"/>
    </xf>
    <xf numFmtId="0" fontId="2" fillId="3" borderId="68" xfId="0" applyFont="1" applyFill="1" applyBorder="1" applyAlignment="1">
      <alignment horizontal="center" vertical="center"/>
    </xf>
    <xf numFmtId="0" fontId="2" fillId="7" borderId="68" xfId="0" applyFont="1" applyFill="1" applyBorder="1" applyAlignment="1">
      <alignment horizontal="center" vertical="center"/>
    </xf>
    <xf numFmtId="0" fontId="2" fillId="7" borderId="48" xfId="0" applyFont="1" applyFill="1" applyBorder="1" applyAlignment="1">
      <alignment vertical="center" textRotation="255" wrapText="1"/>
    </xf>
    <xf numFmtId="0" fontId="2" fillId="7" borderId="44" xfId="0" applyFont="1" applyFill="1" applyBorder="1" applyAlignment="1">
      <alignment vertical="center" textRotation="255" wrapText="1"/>
    </xf>
    <xf numFmtId="0" fontId="2" fillId="0" borderId="35" xfId="0" applyFont="1" applyBorder="1" applyAlignment="1">
      <alignment horizontal="left" vertical="center" wrapText="1"/>
    </xf>
    <xf numFmtId="0" fontId="2" fillId="0" borderId="33" xfId="0" applyFont="1" applyBorder="1" applyAlignment="1">
      <alignment horizontal="left" vertical="center" wrapText="1"/>
    </xf>
    <xf numFmtId="0" fontId="2" fillId="0" borderId="17" xfId="0" applyFont="1" applyBorder="1" applyAlignment="1">
      <alignment horizontal="left" vertical="center" wrapText="1"/>
    </xf>
    <xf numFmtId="0" fontId="2" fillId="6" borderId="102" xfId="0" applyFont="1" applyFill="1" applyBorder="1" applyAlignment="1">
      <alignment horizontal="center" vertical="center" textRotation="255" wrapText="1"/>
    </xf>
    <xf numFmtId="0" fontId="2" fillId="6" borderId="105" xfId="0" applyFont="1" applyFill="1" applyBorder="1" applyAlignment="1">
      <alignment horizontal="center" vertical="center" textRotation="255" wrapText="1"/>
    </xf>
    <xf numFmtId="0" fontId="2" fillId="0" borderId="15" xfId="0" applyFont="1" applyBorder="1" applyAlignment="1">
      <alignment horizontal="left" vertical="center" wrapText="1"/>
    </xf>
    <xf numFmtId="0" fontId="2" fillId="0" borderId="29" xfId="0" applyFont="1" applyBorder="1" applyAlignment="1">
      <alignment horizontal="left" vertical="center" wrapText="1"/>
    </xf>
    <xf numFmtId="0" fontId="2" fillId="3" borderId="19" xfId="0" applyFont="1" applyFill="1" applyBorder="1" applyAlignment="1">
      <alignment horizontal="center" vertical="center"/>
    </xf>
    <xf numFmtId="0" fontId="2" fillId="3" borderId="0" xfId="0" applyFont="1" applyFill="1" applyBorder="1" applyAlignment="1">
      <alignment horizontal="center" vertical="center"/>
    </xf>
    <xf numFmtId="0" fontId="2" fillId="3" borderId="9" xfId="0" applyFont="1" applyFill="1" applyBorder="1" applyAlignment="1">
      <alignment horizontal="center" vertical="center"/>
    </xf>
    <xf numFmtId="0" fontId="2" fillId="0" borderId="163" xfId="0" applyFont="1" applyBorder="1" applyAlignment="1">
      <alignment horizontal="center" vertical="center"/>
    </xf>
    <xf numFmtId="0" fontId="2" fillId="0" borderId="164" xfId="0" applyFont="1" applyBorder="1" applyAlignment="1">
      <alignment horizontal="center" vertical="center"/>
    </xf>
    <xf numFmtId="0" fontId="2" fillId="0" borderId="162" xfId="0" applyFont="1" applyBorder="1" applyAlignment="1">
      <alignment horizontal="center" vertical="center"/>
    </xf>
    <xf numFmtId="0" fontId="2" fillId="0" borderId="165" xfId="0" applyFont="1" applyBorder="1" applyAlignment="1">
      <alignment horizontal="center" vertical="center"/>
    </xf>
    <xf numFmtId="0" fontId="2" fillId="0" borderId="166" xfId="0" applyFont="1" applyBorder="1" applyAlignment="1">
      <alignment horizontal="center" vertical="center"/>
    </xf>
    <xf numFmtId="0" fontId="2" fillId="0" borderId="167" xfId="0" applyFont="1" applyBorder="1" applyAlignment="1">
      <alignment horizontal="center" vertical="center"/>
    </xf>
    <xf numFmtId="0" fontId="2" fillId="0" borderId="168" xfId="0" applyFont="1" applyBorder="1" applyAlignment="1">
      <alignment horizontal="center" vertical="center"/>
    </xf>
    <xf numFmtId="0" fontId="2" fillId="0" borderId="160" xfId="0" applyFont="1" applyBorder="1" applyAlignment="1">
      <alignment horizontal="center" vertical="center"/>
    </xf>
    <xf numFmtId="0" fontId="2" fillId="0" borderId="169" xfId="0" applyFont="1" applyBorder="1" applyAlignment="1">
      <alignment horizontal="center" vertical="center"/>
    </xf>
    <xf numFmtId="0" fontId="2" fillId="0" borderId="170" xfId="0" applyFont="1" applyBorder="1" applyAlignment="1">
      <alignment horizontal="center" vertical="center"/>
    </xf>
    <xf numFmtId="0" fontId="2" fillId="0" borderId="161" xfId="0" applyFont="1" applyBorder="1" applyAlignment="1">
      <alignment horizontal="center" vertical="center"/>
    </xf>
    <xf numFmtId="0" fontId="2" fillId="0" borderId="173" xfId="0" applyFont="1" applyBorder="1" applyAlignment="1">
      <alignment horizontal="center" vertical="center"/>
    </xf>
    <xf numFmtId="0" fontId="2" fillId="0" borderId="174" xfId="0" applyFont="1" applyBorder="1" applyAlignment="1">
      <alignment horizontal="center" vertical="center"/>
    </xf>
    <xf numFmtId="0" fontId="2" fillId="0" borderId="175" xfId="0" applyFont="1" applyBorder="1" applyAlignment="1">
      <alignment horizontal="center" vertical="center"/>
    </xf>
    <xf numFmtId="0" fontId="2" fillId="0" borderId="159" xfId="0" applyFont="1" applyBorder="1" applyAlignment="1">
      <alignment horizontal="center" vertical="center"/>
    </xf>
    <xf numFmtId="0" fontId="2" fillId="0" borderId="176" xfId="0" applyFont="1" applyBorder="1" applyAlignment="1">
      <alignment horizontal="center" vertical="center"/>
    </xf>
    <xf numFmtId="0" fontId="2" fillId="2" borderId="0" xfId="0" applyFont="1" applyFill="1" applyBorder="1" applyAlignment="1">
      <alignment horizontal="center" vertical="center"/>
    </xf>
    <xf numFmtId="0" fontId="2" fillId="0" borderId="106" xfId="0" applyFont="1" applyBorder="1" applyAlignment="1">
      <alignment horizontal="left" vertical="center" wrapText="1"/>
    </xf>
    <xf numFmtId="0" fontId="2" fillId="0" borderId="151" xfId="0" applyFont="1" applyBorder="1" applyAlignment="1">
      <alignment horizontal="left" vertical="center" wrapText="1"/>
    </xf>
    <xf numFmtId="0" fontId="2" fillId="0" borderId="180" xfId="0" applyFont="1" applyBorder="1" applyAlignment="1">
      <alignment horizontal="left" vertical="center" wrapText="1"/>
    </xf>
    <xf numFmtId="0" fontId="2" fillId="0" borderId="107" xfId="0" applyFont="1" applyBorder="1" applyAlignment="1">
      <alignment horizontal="left" vertical="center" wrapText="1"/>
    </xf>
    <xf numFmtId="0" fontId="2" fillId="0" borderId="0" xfId="0" applyFont="1" applyBorder="1" applyAlignment="1">
      <alignment horizontal="left" vertical="center" wrapText="1"/>
    </xf>
    <xf numFmtId="0" fontId="2" fillId="0" borderId="78" xfId="0" applyFont="1" applyBorder="1" applyAlignment="1">
      <alignment horizontal="left" vertical="center" wrapText="1"/>
    </xf>
    <xf numFmtId="0" fontId="2" fillId="0" borderId="108" xfId="0" applyFont="1" applyBorder="1" applyAlignment="1">
      <alignment horizontal="left" vertical="center" wrapText="1"/>
    </xf>
    <xf numFmtId="0" fontId="2" fillId="0" borderId="152" xfId="0" applyFont="1" applyBorder="1" applyAlignment="1">
      <alignment horizontal="left" vertical="center" wrapText="1"/>
    </xf>
    <xf numFmtId="0" fontId="2" fillId="0" borderId="181" xfId="0" applyFont="1" applyBorder="1" applyAlignment="1">
      <alignment horizontal="left" vertical="center" wrapText="1"/>
    </xf>
    <xf numFmtId="0" fontId="2" fillId="8" borderId="48" xfId="0" applyFont="1" applyFill="1" applyBorder="1" applyAlignment="1">
      <alignment vertical="center" textRotation="255" wrapText="1"/>
    </xf>
    <xf numFmtId="0" fontId="2" fillId="8" borderId="44" xfId="0" applyFont="1" applyFill="1" applyBorder="1" applyAlignment="1">
      <alignment vertical="center" textRotation="255" wrapText="1"/>
    </xf>
    <xf numFmtId="0" fontId="2" fillId="8" borderId="104" xfId="0" applyFont="1" applyFill="1" applyBorder="1" applyAlignment="1">
      <alignment vertical="center" textRotation="255" wrapText="1"/>
    </xf>
    <xf numFmtId="0" fontId="2" fillId="0" borderId="16" xfId="0" applyFont="1" applyBorder="1" applyAlignment="1">
      <alignment horizontal="left" vertical="center" wrapText="1"/>
    </xf>
    <xf numFmtId="0" fontId="2" fillId="8" borderId="68" xfId="0" applyFont="1" applyFill="1" applyBorder="1" applyAlignment="1">
      <alignment horizontal="center" vertical="center"/>
    </xf>
    <xf numFmtId="0" fontId="19" fillId="2" borderId="0" xfId="0" applyFont="1" applyFill="1" applyBorder="1" applyAlignment="1">
      <alignment horizontal="center" vertical="center" wrapText="1"/>
    </xf>
    <xf numFmtId="0" fontId="19" fillId="2" borderId="150" xfId="0" applyFont="1" applyFill="1" applyBorder="1" applyAlignment="1">
      <alignment horizontal="center" vertical="center" wrapText="1"/>
    </xf>
    <xf numFmtId="0" fontId="19" fillId="2" borderId="152" xfId="0" applyFont="1" applyFill="1" applyBorder="1" applyAlignment="1">
      <alignment horizontal="center" vertical="center" wrapText="1"/>
    </xf>
    <xf numFmtId="0" fontId="19" fillId="2" borderId="216" xfId="0" applyFont="1" applyFill="1" applyBorder="1" applyAlignment="1">
      <alignment horizontal="center" vertical="center" wrapText="1"/>
    </xf>
    <xf numFmtId="0" fontId="2" fillId="0" borderId="151" xfId="0" applyFont="1" applyBorder="1" applyAlignment="1">
      <alignment horizontal="center" vertical="center" wrapText="1"/>
    </xf>
    <xf numFmtId="0" fontId="2" fillId="0" borderId="157" xfId="0" applyFont="1" applyBorder="1" applyAlignment="1">
      <alignment horizontal="center" vertical="center" wrapText="1"/>
    </xf>
    <xf numFmtId="0" fontId="2" fillId="0" borderId="0" xfId="0" applyFont="1" applyBorder="1" applyAlignment="1">
      <alignment horizontal="center" vertical="center" wrapText="1"/>
    </xf>
    <xf numFmtId="0" fontId="2" fillId="0" borderId="95" xfId="0" applyFont="1" applyBorder="1" applyAlignment="1">
      <alignment horizontal="center" vertical="center" wrapText="1"/>
    </xf>
    <xf numFmtId="0" fontId="2" fillId="0" borderId="153" xfId="0" applyFont="1" applyBorder="1" applyAlignment="1">
      <alignment horizontal="center" vertical="center" wrapText="1"/>
    </xf>
    <xf numFmtId="0" fontId="2" fillId="0" borderId="155" xfId="0" applyFont="1" applyBorder="1" applyAlignment="1">
      <alignment horizontal="center" vertical="center" wrapText="1"/>
    </xf>
    <xf numFmtId="0" fontId="3" fillId="0" borderId="150" xfId="0" applyFont="1" applyBorder="1" applyAlignment="1">
      <alignment horizontal="center" vertical="center" textRotation="255"/>
    </xf>
    <xf numFmtId="0" fontId="2" fillId="0" borderId="150" xfId="0" applyFont="1" applyBorder="1" applyAlignment="1">
      <alignment horizontal="center" vertical="center" textRotation="255"/>
    </xf>
    <xf numFmtId="0" fontId="2" fillId="2" borderId="9" xfId="0" applyFont="1" applyFill="1" applyBorder="1" applyAlignment="1">
      <alignment horizontal="center" vertical="center"/>
    </xf>
    <xf numFmtId="0" fontId="2" fillId="2" borderId="19" xfId="0" applyFont="1" applyFill="1" applyBorder="1" applyAlignment="1">
      <alignment horizontal="center" vertical="center"/>
    </xf>
    <xf numFmtId="0" fontId="2" fillId="0" borderId="29" xfId="0" applyFont="1" applyBorder="1" applyAlignment="1" applyProtection="1">
      <alignment horizontal="center" vertical="center"/>
      <protection locked="0"/>
    </xf>
    <xf numFmtId="0" fontId="2" fillId="0" borderId="30" xfId="0" applyFont="1" applyBorder="1" applyAlignment="1" applyProtection="1">
      <alignment horizontal="center" vertical="center"/>
      <protection locked="0"/>
    </xf>
    <xf numFmtId="0" fontId="2" fillId="0" borderId="67" xfId="0" applyFont="1" applyBorder="1" applyAlignment="1" applyProtection="1">
      <alignment horizontal="center" vertical="center"/>
      <protection locked="0"/>
    </xf>
    <xf numFmtId="0" fontId="2" fillId="0" borderId="16" xfId="0" applyFont="1" applyBorder="1" applyAlignment="1" applyProtection="1">
      <alignment horizontal="center" vertical="center"/>
      <protection locked="0"/>
    </xf>
    <xf numFmtId="0" fontId="2" fillId="0" borderId="24" xfId="0" applyFont="1" applyBorder="1" applyAlignment="1" applyProtection="1">
      <alignment horizontal="center" vertical="center"/>
      <protection locked="0"/>
    </xf>
    <xf numFmtId="0" fontId="2" fillId="0" borderId="38" xfId="0" applyFont="1" applyBorder="1" applyAlignment="1" applyProtection="1">
      <alignment horizontal="center" vertical="center"/>
      <protection locked="0"/>
    </xf>
    <xf numFmtId="0" fontId="2" fillId="0" borderId="28" xfId="0" applyFont="1" applyBorder="1" applyAlignment="1" applyProtection="1">
      <alignment horizontal="center" vertical="center"/>
      <protection locked="0"/>
    </xf>
    <xf numFmtId="0" fontId="2" fillId="0" borderId="23" xfId="0" applyFont="1" applyBorder="1" applyAlignment="1" applyProtection="1">
      <alignment horizontal="center" vertical="center"/>
      <protection locked="0"/>
    </xf>
    <xf numFmtId="0" fontId="2" fillId="0" borderId="177" xfId="0" applyFont="1" applyBorder="1" applyAlignment="1" applyProtection="1">
      <alignment horizontal="center" vertical="center"/>
      <protection locked="0"/>
    </xf>
    <xf numFmtId="0" fontId="2" fillId="0" borderId="178" xfId="0" applyFont="1" applyBorder="1" applyAlignment="1" applyProtection="1">
      <alignment horizontal="center" vertical="center"/>
      <protection locked="0"/>
    </xf>
    <xf numFmtId="0" fontId="2" fillId="0" borderId="191" xfId="0" applyFont="1" applyBorder="1" applyAlignment="1" applyProtection="1">
      <alignment horizontal="center" vertical="center"/>
      <protection locked="0"/>
    </xf>
    <xf numFmtId="0" fontId="2" fillId="0" borderId="42" xfId="0" applyFont="1" applyBorder="1" applyAlignment="1" applyProtection="1">
      <alignment horizontal="center" vertical="center"/>
      <protection locked="0"/>
    </xf>
    <xf numFmtId="0" fontId="2" fillId="0" borderId="109" xfId="0" applyFont="1" applyBorder="1" applyAlignment="1" applyProtection="1">
      <alignment horizontal="center" vertical="center"/>
      <protection locked="0"/>
    </xf>
    <xf numFmtId="0" fontId="2" fillId="0" borderId="193" xfId="0" applyFont="1" applyBorder="1" applyAlignment="1" applyProtection="1">
      <alignment horizontal="center" vertical="center"/>
      <protection locked="0"/>
    </xf>
    <xf numFmtId="0" fontId="2" fillId="0" borderId="179" xfId="0" applyFont="1" applyBorder="1" applyAlignment="1" applyProtection="1">
      <alignment horizontal="center" vertical="center"/>
      <protection locked="0"/>
    </xf>
    <xf numFmtId="0" fontId="2" fillId="0" borderId="51" xfId="0" applyFont="1" applyBorder="1" applyAlignment="1" applyProtection="1">
      <alignment horizontal="center" vertical="center"/>
      <protection locked="0"/>
    </xf>
    <xf numFmtId="0" fontId="2" fillId="0" borderId="172" xfId="0" applyFont="1" applyBorder="1" applyAlignment="1" applyProtection="1">
      <alignment horizontal="center" vertical="center"/>
      <protection locked="0"/>
    </xf>
    <xf numFmtId="0" fontId="2" fillId="0" borderId="192" xfId="0" applyFont="1" applyBorder="1" applyAlignment="1" applyProtection="1">
      <alignment horizontal="center" vertical="center"/>
      <protection locked="0"/>
    </xf>
    <xf numFmtId="0" fontId="2" fillId="0" borderId="50" xfId="0" applyFont="1" applyBorder="1" applyAlignment="1" applyProtection="1">
      <alignment horizontal="center" vertical="center"/>
      <protection locked="0"/>
    </xf>
    <xf numFmtId="0" fontId="2" fillId="0" borderId="35" xfId="0" applyFont="1" applyBorder="1" applyAlignment="1" applyProtection="1">
      <alignment horizontal="center" vertical="center"/>
      <protection locked="0"/>
    </xf>
    <xf numFmtId="0" fontId="2" fillId="9" borderId="206" xfId="0" applyFont="1" applyFill="1" applyBorder="1" applyAlignment="1" applyProtection="1">
      <alignment horizontal="center" vertical="center" wrapText="1" shrinkToFit="1"/>
      <protection locked="0"/>
    </xf>
    <xf numFmtId="0" fontId="2" fillId="9" borderId="207" xfId="0" applyFont="1" applyFill="1" applyBorder="1" applyAlignment="1" applyProtection="1">
      <alignment horizontal="center" vertical="center" wrapText="1" shrinkToFit="1"/>
      <protection locked="0"/>
    </xf>
    <xf numFmtId="0" fontId="2" fillId="9" borderId="208" xfId="0" applyFont="1" applyFill="1" applyBorder="1" applyAlignment="1" applyProtection="1">
      <alignment horizontal="center" vertical="center" wrapText="1" shrinkToFit="1"/>
      <protection locked="0"/>
    </xf>
    <xf numFmtId="0" fontId="2" fillId="9" borderId="200" xfId="0" applyFont="1" applyFill="1" applyBorder="1" applyAlignment="1" applyProtection="1">
      <alignment horizontal="center" vertical="center" wrapText="1" shrinkToFit="1"/>
      <protection locked="0"/>
    </xf>
    <xf numFmtId="0" fontId="2" fillId="9" borderId="201" xfId="0" applyFont="1" applyFill="1" applyBorder="1" applyAlignment="1" applyProtection="1">
      <alignment horizontal="center" vertical="center" wrapText="1" shrinkToFit="1"/>
      <protection locked="0"/>
    </xf>
    <xf numFmtId="0" fontId="2" fillId="9" borderId="202" xfId="0" applyFont="1" applyFill="1" applyBorder="1" applyAlignment="1" applyProtection="1">
      <alignment horizontal="center" vertical="center" wrapText="1" shrinkToFit="1"/>
      <protection locked="0"/>
    </xf>
    <xf numFmtId="0" fontId="2" fillId="9" borderId="203" xfId="0" applyFont="1" applyFill="1" applyBorder="1" applyAlignment="1" applyProtection="1">
      <alignment horizontal="center" vertical="center" wrapText="1"/>
      <protection locked="0"/>
    </xf>
    <xf numFmtId="0" fontId="2" fillId="9" borderId="205" xfId="0" applyFont="1" applyFill="1" applyBorder="1" applyAlignment="1" applyProtection="1">
      <alignment horizontal="center" vertical="center" wrapText="1"/>
      <protection locked="0"/>
    </xf>
    <xf numFmtId="0" fontId="2" fillId="9" borderId="204" xfId="0" applyFont="1" applyFill="1" applyBorder="1" applyAlignment="1" applyProtection="1">
      <alignment horizontal="center" vertical="center" wrapText="1"/>
      <protection locked="0"/>
    </xf>
    <xf numFmtId="0" fontId="2" fillId="9" borderId="209" xfId="0" applyFont="1" applyFill="1" applyBorder="1" applyAlignment="1" applyProtection="1">
      <alignment horizontal="center" vertical="center" wrapText="1" shrinkToFit="1"/>
      <protection locked="0"/>
    </xf>
    <xf numFmtId="0" fontId="2" fillId="9" borderId="210" xfId="0" applyFont="1" applyFill="1" applyBorder="1" applyAlignment="1" applyProtection="1">
      <alignment horizontal="center" vertical="center" wrapText="1" shrinkToFit="1"/>
      <protection locked="0"/>
    </xf>
    <xf numFmtId="176" fontId="4" fillId="0" borderId="195" xfId="0" applyNumberFormat="1" applyFont="1" applyBorder="1" applyAlignment="1">
      <alignment horizontal="center" vertical="center"/>
    </xf>
    <xf numFmtId="176" fontId="4" fillId="0" borderId="196" xfId="0" applyNumberFormat="1" applyFont="1" applyBorder="1" applyAlignment="1">
      <alignment horizontal="center" vertical="center"/>
    </xf>
    <xf numFmtId="176" fontId="4" fillId="0" borderId="198" xfId="0" applyNumberFormat="1" applyFont="1" applyBorder="1" applyAlignment="1">
      <alignment horizontal="center" vertical="center"/>
    </xf>
    <xf numFmtId="176" fontId="4" fillId="0" borderId="16" xfId="0" applyNumberFormat="1" applyFont="1" applyBorder="1" applyAlignment="1">
      <alignment horizontal="center" vertical="center"/>
    </xf>
    <xf numFmtId="176" fontId="4" fillId="0" borderId="24" xfId="0" applyNumberFormat="1" applyFont="1" applyBorder="1" applyAlignment="1">
      <alignment horizontal="center" vertical="center"/>
    </xf>
    <xf numFmtId="176" fontId="4" fillId="0" borderId="38" xfId="0" applyNumberFormat="1" applyFont="1" applyBorder="1" applyAlignment="1">
      <alignment horizontal="center" vertical="center"/>
    </xf>
    <xf numFmtId="176" fontId="4" fillId="0" borderId="29" xfId="0" applyNumberFormat="1" applyFont="1" applyBorder="1" applyAlignment="1">
      <alignment horizontal="center" vertical="center"/>
    </xf>
    <xf numFmtId="176" fontId="4" fillId="0" borderId="30" xfId="0" applyNumberFormat="1" applyFont="1" applyBorder="1" applyAlignment="1">
      <alignment horizontal="center" vertical="center"/>
    </xf>
    <xf numFmtId="176" fontId="4" fillId="0" borderId="67" xfId="0" applyNumberFormat="1" applyFont="1" applyBorder="1" applyAlignment="1">
      <alignment horizontal="center" vertical="center"/>
    </xf>
    <xf numFmtId="176" fontId="4" fillId="0" borderId="26" xfId="0" applyNumberFormat="1" applyFont="1" applyBorder="1" applyAlignment="1">
      <alignment horizontal="center" vertical="center"/>
    </xf>
    <xf numFmtId="176" fontId="4" fillId="0" borderId="27" xfId="0" applyNumberFormat="1" applyFont="1" applyBorder="1" applyAlignment="1">
      <alignment horizontal="center" vertical="center"/>
    </xf>
    <xf numFmtId="176" fontId="4" fillId="0" borderId="25" xfId="0" applyNumberFormat="1" applyFont="1" applyBorder="1" applyAlignment="1">
      <alignment horizontal="center" vertical="center"/>
    </xf>
    <xf numFmtId="176" fontId="4" fillId="0" borderId="23" xfId="0" applyNumberFormat="1" applyFont="1" applyBorder="1" applyAlignment="1">
      <alignment horizontal="center" vertical="center"/>
    </xf>
    <xf numFmtId="176" fontId="4" fillId="0" borderId="21" xfId="0" applyNumberFormat="1" applyFont="1" applyBorder="1" applyAlignment="1">
      <alignment horizontal="center" vertical="center"/>
    </xf>
    <xf numFmtId="176" fontId="4" fillId="0" borderId="22" xfId="0" applyNumberFormat="1" applyFont="1" applyBorder="1" applyAlignment="1">
      <alignment horizontal="center" vertical="center"/>
    </xf>
    <xf numFmtId="176" fontId="4" fillId="0" borderId="20" xfId="0" applyNumberFormat="1" applyFont="1" applyBorder="1" applyAlignment="1">
      <alignment horizontal="center" vertical="center"/>
    </xf>
    <xf numFmtId="176" fontId="4" fillId="0" borderId="35" xfId="0" applyNumberFormat="1" applyFont="1" applyBorder="1" applyAlignment="1">
      <alignment horizontal="center" vertical="center"/>
    </xf>
    <xf numFmtId="176" fontId="4" fillId="0" borderId="36" xfId="0" applyNumberFormat="1" applyFont="1" applyBorder="1" applyAlignment="1">
      <alignment horizontal="center" vertical="center"/>
    </xf>
    <xf numFmtId="176" fontId="4" fillId="0" borderId="34" xfId="0" applyNumberFormat="1" applyFont="1" applyBorder="1" applyAlignment="1">
      <alignment horizontal="center" vertical="center"/>
    </xf>
    <xf numFmtId="0" fontId="3" fillId="0" borderId="18" xfId="0" applyFont="1" applyBorder="1" applyAlignment="1">
      <alignment horizontal="center" vertical="center"/>
    </xf>
    <xf numFmtId="0" fontId="3" fillId="0" borderId="77" xfId="0" applyFont="1" applyBorder="1" applyAlignment="1">
      <alignment horizontal="center" vertical="center"/>
    </xf>
    <xf numFmtId="176" fontId="4" fillId="0" borderId="37" xfId="0" applyNumberFormat="1" applyFont="1" applyBorder="1" applyAlignment="1">
      <alignment horizontal="center" vertical="center"/>
    </xf>
    <xf numFmtId="176" fontId="4" fillId="0" borderId="40" xfId="0" applyNumberFormat="1" applyFont="1" applyBorder="1" applyAlignment="1">
      <alignment horizontal="center" vertical="center"/>
    </xf>
    <xf numFmtId="176" fontId="4" fillId="0" borderId="39" xfId="0" applyNumberFormat="1" applyFont="1" applyBorder="1" applyAlignment="1">
      <alignment horizontal="center" vertical="center"/>
    </xf>
    <xf numFmtId="0" fontId="3" fillId="2" borderId="31" xfId="0" applyFont="1" applyFill="1" applyBorder="1" applyAlignment="1">
      <alignment horizontal="center" vertical="center"/>
    </xf>
    <xf numFmtId="0" fontId="3" fillId="2" borderId="14" xfId="0" applyFont="1" applyFill="1" applyBorder="1" applyAlignment="1">
      <alignment horizontal="center" vertical="center"/>
    </xf>
    <xf numFmtId="0" fontId="3" fillId="2" borderId="13" xfId="0" applyFont="1" applyFill="1" applyBorder="1" applyAlignment="1">
      <alignment horizontal="center" vertical="center"/>
    </xf>
    <xf numFmtId="0" fontId="19" fillId="2" borderId="0" xfId="0" applyFont="1" applyFill="1" applyBorder="1" applyAlignment="1">
      <alignment horizontal="left" vertical="center" wrapText="1" shrinkToFit="1"/>
    </xf>
    <xf numFmtId="0" fontId="19" fillId="2" borderId="0" xfId="0" applyFont="1" applyFill="1" applyBorder="1" applyAlignment="1">
      <alignment horizontal="left" vertical="center" shrinkToFit="1"/>
    </xf>
    <xf numFmtId="0" fontId="19" fillId="2" borderId="150" xfId="0" applyFont="1" applyFill="1" applyBorder="1" applyAlignment="1">
      <alignment horizontal="left" vertical="center" shrinkToFit="1"/>
    </xf>
    <xf numFmtId="0" fontId="19" fillId="2" borderId="1" xfId="0" applyFont="1" applyFill="1" applyBorder="1" applyAlignment="1">
      <alignment horizontal="left" vertical="center" shrinkToFit="1"/>
    </xf>
    <xf numFmtId="0" fontId="19" fillId="2" borderId="222" xfId="0" applyFont="1" applyFill="1" applyBorder="1" applyAlignment="1">
      <alignment horizontal="left" vertical="center" shrinkToFit="1"/>
    </xf>
    <xf numFmtId="0" fontId="3" fillId="6" borderId="31" xfId="0" applyFont="1" applyFill="1" applyBorder="1" applyAlignment="1">
      <alignment horizontal="center" vertical="center"/>
    </xf>
    <xf numFmtId="0" fontId="3" fillId="6" borderId="14" xfId="0" applyFont="1" applyFill="1" applyBorder="1" applyAlignment="1">
      <alignment horizontal="center" vertical="center"/>
    </xf>
    <xf numFmtId="0" fontId="3" fillId="6" borderId="13" xfId="0" applyFont="1" applyFill="1" applyBorder="1" applyAlignment="1">
      <alignment horizontal="center" vertical="center"/>
    </xf>
    <xf numFmtId="0" fontId="3" fillId="0" borderId="199" xfId="0" applyFont="1" applyBorder="1" applyAlignment="1">
      <alignment horizontal="center" vertical="center"/>
    </xf>
    <xf numFmtId="0" fontId="3" fillId="0" borderId="31" xfId="0" applyFont="1" applyBorder="1" applyAlignment="1">
      <alignment horizontal="center" vertical="center"/>
    </xf>
    <xf numFmtId="0" fontId="3" fillId="0" borderId="32" xfId="0" applyFont="1" applyBorder="1" applyAlignment="1">
      <alignment horizontal="center" vertical="center"/>
    </xf>
    <xf numFmtId="0" fontId="3" fillId="0" borderId="14" xfId="0" applyFont="1" applyBorder="1" applyAlignment="1">
      <alignment horizontal="center" vertical="center"/>
    </xf>
    <xf numFmtId="0" fontId="3" fillId="0" borderId="2" xfId="0" applyFont="1" applyBorder="1" applyAlignment="1">
      <alignment horizontal="center" vertical="center" textRotation="255"/>
    </xf>
    <xf numFmtId="0" fontId="3" fillId="0" borderId="3" xfId="0" applyFont="1" applyBorder="1" applyAlignment="1">
      <alignment horizontal="center" vertical="center" textRotation="255"/>
    </xf>
    <xf numFmtId="0" fontId="3" fillId="0" borderId="4" xfId="0" applyFont="1" applyBorder="1" applyAlignment="1">
      <alignment horizontal="center" vertical="center" textRotation="255"/>
    </xf>
    <xf numFmtId="0" fontId="3" fillId="0" borderId="227" xfId="0" applyFont="1" applyBorder="1" applyAlignment="1">
      <alignment horizontal="center" vertical="center" textRotation="255"/>
    </xf>
    <xf numFmtId="0" fontId="2" fillId="0" borderId="2" xfId="0" applyFont="1" applyBorder="1" applyAlignment="1">
      <alignment horizontal="center" vertical="center" textRotation="255"/>
    </xf>
    <xf numFmtId="0" fontId="2" fillId="0" borderId="3" xfId="0" applyFont="1" applyBorder="1" applyAlignment="1">
      <alignment horizontal="center" vertical="center" textRotation="255"/>
    </xf>
    <xf numFmtId="0" fontId="2" fillId="0" borderId="4" xfId="0" applyFont="1" applyBorder="1" applyAlignment="1">
      <alignment horizontal="center" vertical="center" textRotation="255"/>
    </xf>
    <xf numFmtId="0" fontId="3" fillId="0" borderId="13" xfId="0" applyFont="1" applyBorder="1" applyAlignment="1">
      <alignment horizontal="center" vertical="center"/>
    </xf>
    <xf numFmtId="0" fontId="3" fillId="0" borderId="158" xfId="0" applyFont="1" applyBorder="1" applyAlignment="1">
      <alignment horizontal="center" vertical="center"/>
    </xf>
    <xf numFmtId="0" fontId="3" fillId="7" borderId="13" xfId="0" applyFont="1" applyFill="1" applyBorder="1" applyAlignment="1">
      <alignment horizontal="center" vertical="center"/>
    </xf>
    <xf numFmtId="0" fontId="3" fillId="7" borderId="31" xfId="0" applyFont="1" applyFill="1" applyBorder="1" applyAlignment="1">
      <alignment horizontal="center" vertical="center"/>
    </xf>
    <xf numFmtId="0" fontId="3" fillId="7" borderId="14" xfId="0" applyFont="1" applyFill="1" applyBorder="1" applyAlignment="1">
      <alignment horizontal="center" vertical="center"/>
    </xf>
    <xf numFmtId="0" fontId="3" fillId="0" borderId="211" xfId="0" applyFont="1" applyBorder="1" applyAlignment="1">
      <alignment horizontal="center" vertical="center"/>
    </xf>
    <xf numFmtId="0" fontId="3" fillId="0" borderId="6" xfId="0" applyFont="1" applyBorder="1" applyAlignment="1">
      <alignment horizontal="center" vertical="center"/>
    </xf>
    <xf numFmtId="176" fontId="4" fillId="0" borderId="197" xfId="0" applyNumberFormat="1" applyFont="1" applyBorder="1" applyAlignment="1">
      <alignment horizontal="center" vertical="center"/>
    </xf>
    <xf numFmtId="0" fontId="2" fillId="9" borderId="213" xfId="0" applyFont="1" applyFill="1" applyBorder="1" applyAlignment="1" applyProtection="1">
      <alignment horizontal="center" vertical="center" wrapText="1"/>
      <protection locked="0"/>
    </xf>
    <xf numFmtId="0" fontId="2" fillId="9" borderId="212" xfId="0" applyFont="1" applyFill="1" applyBorder="1" applyAlignment="1" applyProtection="1">
      <alignment horizontal="center" vertical="center" wrapText="1"/>
      <protection locked="0"/>
    </xf>
    <xf numFmtId="0" fontId="3" fillId="8" borderId="31" xfId="0" applyFont="1" applyFill="1" applyBorder="1" applyAlignment="1">
      <alignment horizontal="center" vertical="center"/>
    </xf>
    <xf numFmtId="0" fontId="3" fillId="8" borderId="14" xfId="0" applyFont="1" applyFill="1" applyBorder="1" applyAlignment="1">
      <alignment horizontal="center" vertical="center"/>
    </xf>
    <xf numFmtId="0" fontId="3" fillId="0" borderId="232" xfId="0" applyFont="1" applyBorder="1" applyAlignment="1">
      <alignment horizontal="center" vertical="center" textRotation="255"/>
    </xf>
    <xf numFmtId="176" fontId="4" fillId="0" borderId="177" xfId="0" applyNumberFormat="1" applyFont="1" applyBorder="1" applyAlignment="1">
      <alignment horizontal="center" vertical="center"/>
    </xf>
    <xf numFmtId="176" fontId="4" fillId="0" borderId="178" xfId="0" applyNumberFormat="1" applyFont="1" applyBorder="1" applyAlignment="1">
      <alignment horizontal="center" vertical="center"/>
    </xf>
    <xf numFmtId="176" fontId="4" fillId="0" borderId="191" xfId="0" applyNumberFormat="1" applyFont="1" applyBorder="1" applyAlignment="1">
      <alignment horizontal="center" vertical="center"/>
    </xf>
    <xf numFmtId="0" fontId="0" fillId="0" borderId="13" xfId="0" applyBorder="1" applyAlignment="1" applyProtection="1">
      <alignment horizontal="left" vertical="center" wrapText="1"/>
      <protection locked="0"/>
    </xf>
    <xf numFmtId="0" fontId="0" fillId="0" borderId="31" xfId="0" applyBorder="1" applyAlignment="1" applyProtection="1">
      <alignment horizontal="left" vertical="center" wrapText="1"/>
      <protection locked="0"/>
    </xf>
    <xf numFmtId="0" fontId="0" fillId="0" borderId="14" xfId="0" applyBorder="1" applyAlignment="1" applyProtection="1">
      <alignment horizontal="left" vertical="center" wrapText="1"/>
      <protection locked="0"/>
    </xf>
    <xf numFmtId="0" fontId="14" fillId="0" borderId="68" xfId="0" applyFont="1" applyBorder="1" applyAlignment="1" applyProtection="1">
      <alignment horizontal="center" vertical="center"/>
      <protection locked="0"/>
    </xf>
    <xf numFmtId="177" fontId="14" fillId="0" borderId="110" xfId="0" applyNumberFormat="1" applyFont="1" applyBorder="1" applyAlignment="1">
      <alignment horizontal="center" vertical="center"/>
    </xf>
    <xf numFmtId="177" fontId="14" fillId="0" borderId="111" xfId="0" applyNumberFormat="1" applyFont="1" applyBorder="1" applyAlignment="1">
      <alignment horizontal="center" vertical="center"/>
    </xf>
    <xf numFmtId="177" fontId="14" fillId="0" borderId="13" xfId="0" applyNumberFormat="1" applyFont="1" applyBorder="1" applyAlignment="1">
      <alignment horizontal="center" vertical="center"/>
    </xf>
    <xf numFmtId="177" fontId="14" fillId="0" borderId="14" xfId="0" applyNumberFormat="1" applyFont="1" applyBorder="1" applyAlignment="1">
      <alignment horizontal="center" vertical="center"/>
    </xf>
    <xf numFmtId="0" fontId="14" fillId="0" borderId="13" xfId="0" applyFont="1" applyBorder="1" applyAlignment="1">
      <alignment horizontal="center" vertical="center"/>
    </xf>
    <xf numFmtId="0" fontId="14" fillId="0" borderId="14" xfId="0" applyFont="1" applyBorder="1" applyAlignment="1">
      <alignment horizontal="center" vertical="center"/>
    </xf>
    <xf numFmtId="0" fontId="11" fillId="0" borderId="19" xfId="0" applyFont="1" applyBorder="1" applyAlignment="1" applyProtection="1">
      <alignment horizontal="left" vertical="center"/>
      <protection locked="0"/>
    </xf>
    <xf numFmtId="0" fontId="11" fillId="0" borderId="0" xfId="0" applyFont="1" applyBorder="1" applyAlignment="1" applyProtection="1">
      <alignment horizontal="left" vertical="center"/>
      <protection locked="0"/>
    </xf>
    <xf numFmtId="0" fontId="11" fillId="0" borderId="9" xfId="0" applyFont="1" applyBorder="1" applyAlignment="1" applyProtection="1">
      <alignment horizontal="left" vertical="center"/>
      <protection locked="0"/>
    </xf>
    <xf numFmtId="0" fontId="11" fillId="0" borderId="84" xfId="0" applyFont="1" applyBorder="1" applyAlignment="1" applyProtection="1">
      <alignment horizontal="left" vertical="center"/>
      <protection locked="0"/>
    </xf>
    <xf numFmtId="0" fontId="11" fillId="0" borderId="189" xfId="0" applyFont="1" applyBorder="1" applyAlignment="1" applyProtection="1">
      <alignment horizontal="left" vertical="center"/>
      <protection locked="0"/>
    </xf>
    <xf numFmtId="0" fontId="11" fillId="0" borderId="190" xfId="0" applyFont="1" applyBorder="1" applyAlignment="1" applyProtection="1">
      <alignment horizontal="left" vertical="center"/>
      <protection locked="0"/>
    </xf>
    <xf numFmtId="177" fontId="14" fillId="0" borderId="31" xfId="0" applyNumberFormat="1" applyFont="1" applyBorder="1" applyAlignment="1">
      <alignment horizontal="center" vertical="center"/>
    </xf>
    <xf numFmtId="0" fontId="14" fillId="0" borderId="182" xfId="0" applyFont="1" applyBorder="1" applyAlignment="1">
      <alignment horizontal="center" vertical="center"/>
    </xf>
    <xf numFmtId="0" fontId="14" fillId="0" borderId="183" xfId="0" applyFont="1" applyBorder="1" applyAlignment="1">
      <alignment horizontal="center" vertical="center"/>
    </xf>
    <xf numFmtId="0" fontId="14" fillId="0" borderId="124" xfId="0" applyFont="1" applyBorder="1" applyAlignment="1">
      <alignment horizontal="center" vertical="center"/>
    </xf>
    <xf numFmtId="0" fontId="11" fillId="0" borderId="5" xfId="0" applyFont="1" applyBorder="1" applyAlignment="1" applyProtection="1">
      <alignment horizontal="left" vertical="center" wrapText="1"/>
      <protection locked="0"/>
    </xf>
    <xf numFmtId="0" fontId="11" fillId="0" borderId="18" xfId="0" applyFont="1" applyBorder="1" applyAlignment="1" applyProtection="1">
      <alignment horizontal="left" vertical="center" wrapText="1"/>
      <protection locked="0"/>
    </xf>
    <xf numFmtId="0" fontId="11" fillId="0" borderId="6" xfId="0" applyFont="1" applyBorder="1" applyAlignment="1" applyProtection="1">
      <alignment horizontal="left" vertical="center" wrapText="1"/>
      <protection locked="0"/>
    </xf>
    <xf numFmtId="0" fontId="11" fillId="0" borderId="184" xfId="0" applyFont="1" applyBorder="1" applyAlignment="1" applyProtection="1">
      <alignment horizontal="left" vertical="center" wrapText="1"/>
      <protection locked="0"/>
    </xf>
    <xf numFmtId="0" fontId="11" fillId="0" borderId="185" xfId="0" applyFont="1" applyBorder="1" applyAlignment="1" applyProtection="1">
      <alignment horizontal="left" vertical="center" wrapText="1"/>
      <protection locked="0"/>
    </xf>
    <xf numFmtId="0" fontId="11" fillId="0" borderId="186" xfId="0" applyFont="1" applyBorder="1" applyAlignment="1" applyProtection="1">
      <alignment horizontal="left" vertical="center" wrapText="1"/>
      <protection locked="0"/>
    </xf>
    <xf numFmtId="177" fontId="14" fillId="0" borderId="68" xfId="0" applyNumberFormat="1" applyFont="1" applyBorder="1" applyAlignment="1">
      <alignment horizontal="center" vertical="center"/>
    </xf>
    <xf numFmtId="0" fontId="11" fillId="0" borderId="83" xfId="0" applyFont="1" applyBorder="1" applyAlignment="1" applyProtection="1">
      <alignment horizontal="left" vertical="center" wrapText="1"/>
      <protection locked="0"/>
    </xf>
    <xf numFmtId="0" fontId="11" fillId="0" borderId="187" xfId="0" applyFont="1" applyBorder="1" applyAlignment="1" applyProtection="1">
      <alignment horizontal="left" vertical="center" wrapText="1"/>
      <protection locked="0"/>
    </xf>
    <xf numFmtId="0" fontId="11" fillId="0" borderId="188" xfId="0" applyFont="1" applyBorder="1" applyAlignment="1" applyProtection="1">
      <alignment horizontal="left" vertical="center" wrapText="1"/>
      <protection locked="0"/>
    </xf>
    <xf numFmtId="0" fontId="11" fillId="0" borderId="7" xfId="0" applyFont="1" applyBorder="1" applyAlignment="1" applyProtection="1">
      <alignment horizontal="left" vertical="center" wrapText="1"/>
      <protection locked="0"/>
    </xf>
    <xf numFmtId="0" fontId="11" fillId="0" borderId="1" xfId="0" applyFont="1" applyBorder="1" applyAlignment="1" applyProtection="1">
      <alignment horizontal="left" vertical="center" wrapText="1"/>
      <protection locked="0"/>
    </xf>
    <xf numFmtId="0" fontId="11" fillId="0" borderId="8" xfId="0" applyFont="1" applyBorder="1" applyAlignment="1" applyProtection="1">
      <alignment horizontal="left" vertical="center" wrapText="1"/>
      <protection locked="0"/>
    </xf>
    <xf numFmtId="0" fontId="14" fillId="0" borderId="68" xfId="0" applyFont="1" applyBorder="1" applyAlignment="1">
      <alignment horizontal="center" vertical="center"/>
    </xf>
    <xf numFmtId="0" fontId="11" fillId="0" borderId="5" xfId="0" applyFont="1" applyBorder="1" applyAlignment="1" applyProtection="1">
      <alignment horizontal="left" vertical="center"/>
      <protection locked="0"/>
    </xf>
    <xf numFmtId="0" fontId="11" fillId="0" borderId="18" xfId="0" applyFont="1" applyBorder="1" applyAlignment="1" applyProtection="1">
      <alignment horizontal="left" vertical="center"/>
      <protection locked="0"/>
    </xf>
    <xf numFmtId="0" fontId="11" fillId="0" borderId="6" xfId="0" applyFont="1" applyBorder="1" applyAlignment="1" applyProtection="1">
      <alignment horizontal="left" vertical="center"/>
      <protection locked="0"/>
    </xf>
    <xf numFmtId="0" fontId="11" fillId="0" borderId="19" xfId="0" applyFont="1" applyBorder="1" applyAlignment="1" applyProtection="1">
      <alignment horizontal="left" vertical="center" wrapText="1"/>
      <protection locked="0"/>
    </xf>
    <xf numFmtId="0" fontId="11" fillId="0" borderId="0" xfId="0" applyFont="1" applyBorder="1" applyAlignment="1" applyProtection="1">
      <alignment horizontal="left" vertical="center" wrapText="1"/>
      <protection locked="0"/>
    </xf>
    <xf numFmtId="0" fontId="11" fillId="0" borderId="9" xfId="0" applyFont="1" applyBorder="1" applyAlignment="1" applyProtection="1">
      <alignment horizontal="left" vertical="center" wrapText="1"/>
      <protection locked="0"/>
    </xf>
    <xf numFmtId="0" fontId="11" fillId="0" borderId="69" xfId="0" applyFont="1" applyBorder="1" applyAlignment="1" applyProtection="1">
      <alignment horizontal="left" vertical="center" wrapText="1"/>
      <protection locked="0"/>
    </xf>
    <xf numFmtId="0" fontId="11" fillId="0" borderId="70" xfId="0" applyFont="1" applyBorder="1" applyAlignment="1" applyProtection="1">
      <alignment horizontal="left" vertical="center" wrapText="1"/>
      <protection locked="0"/>
    </xf>
    <xf numFmtId="0" fontId="11" fillId="0" borderId="71" xfId="0" applyFont="1" applyBorder="1" applyAlignment="1" applyProtection="1">
      <alignment horizontal="left" vertical="center" wrapText="1"/>
      <protection locked="0"/>
    </xf>
    <xf numFmtId="0" fontId="11" fillId="0" borderId="83" xfId="0" applyFont="1" applyBorder="1" applyAlignment="1" applyProtection="1">
      <alignment horizontal="left" vertical="center"/>
      <protection locked="0"/>
    </xf>
    <xf numFmtId="0" fontId="11" fillId="0" borderId="187" xfId="0" applyFont="1" applyBorder="1" applyAlignment="1" applyProtection="1">
      <alignment horizontal="left" vertical="center"/>
      <protection locked="0"/>
    </xf>
    <xf numFmtId="0" fontId="11" fillId="0" borderId="188" xfId="0" applyFont="1" applyBorder="1" applyAlignment="1" applyProtection="1">
      <alignment horizontal="left" vertical="center"/>
      <protection locked="0"/>
    </xf>
    <xf numFmtId="0" fontId="10" fillId="0" borderId="1" xfId="0" applyFont="1" applyBorder="1" applyAlignment="1">
      <alignment horizontal="center" vertical="center"/>
    </xf>
    <xf numFmtId="0" fontId="14" fillId="0" borderId="13" xfId="0" applyFont="1" applyBorder="1" applyAlignment="1" applyProtection="1">
      <alignment horizontal="left" vertical="center" wrapText="1"/>
      <protection locked="0"/>
    </xf>
    <xf numFmtId="0" fontId="14" fillId="0" borderId="31" xfId="0" applyFont="1" applyBorder="1" applyAlignment="1" applyProtection="1">
      <alignment horizontal="left" vertical="center"/>
      <protection locked="0"/>
    </xf>
    <xf numFmtId="0" fontId="14" fillId="0" borderId="14" xfId="0" applyFont="1" applyBorder="1" applyAlignment="1" applyProtection="1">
      <alignment horizontal="left" vertical="center"/>
      <protection locked="0"/>
    </xf>
    <xf numFmtId="0" fontId="16" fillId="0" borderId="13" xfId="0" applyFont="1" applyBorder="1" applyAlignment="1">
      <alignment horizontal="center" vertical="center" wrapText="1"/>
    </xf>
    <xf numFmtId="0" fontId="16" fillId="0" borderId="31" xfId="0" applyFont="1" applyBorder="1" applyAlignment="1">
      <alignment horizontal="center" vertical="center" wrapText="1"/>
    </xf>
    <xf numFmtId="0" fontId="16" fillId="0" borderId="14" xfId="0" applyFont="1" applyBorder="1" applyAlignment="1">
      <alignment horizontal="center" vertical="center" wrapText="1"/>
    </xf>
    <xf numFmtId="0" fontId="15" fillId="0" borderId="68" xfId="0" applyFont="1" applyBorder="1" applyAlignment="1">
      <alignment horizontal="center" vertical="top" wrapText="1"/>
    </xf>
    <xf numFmtId="0" fontId="15" fillId="0" borderId="68" xfId="0" applyFont="1" applyBorder="1" applyAlignment="1">
      <alignment horizontal="center" vertical="top"/>
    </xf>
    <xf numFmtId="0" fontId="17" fillId="0" borderId="68" xfId="0" applyFont="1" applyBorder="1" applyAlignment="1" applyProtection="1">
      <alignment horizontal="left" vertical="top" wrapText="1"/>
      <protection locked="0"/>
    </xf>
    <xf numFmtId="0" fontId="5" fillId="0" borderId="68" xfId="0" applyFont="1" applyBorder="1" applyAlignment="1" applyProtection="1">
      <alignment horizontal="left" vertical="top"/>
      <protection locked="0"/>
    </xf>
    <xf numFmtId="0" fontId="14" fillId="0" borderId="2" xfId="0" applyFont="1" applyBorder="1" applyAlignment="1">
      <alignment horizontal="center" vertical="center" textRotation="255" wrapText="1"/>
    </xf>
    <xf numFmtId="0" fontId="14" fillId="0" borderId="3" xfId="0" applyFont="1" applyBorder="1" applyAlignment="1">
      <alignment horizontal="center" vertical="center" textRotation="255" wrapText="1"/>
    </xf>
    <xf numFmtId="0" fontId="14" fillId="0" borderId="4" xfId="0" applyFont="1" applyBorder="1" applyAlignment="1">
      <alignment horizontal="center" vertical="center" textRotation="255" wrapText="1"/>
    </xf>
    <xf numFmtId="0" fontId="14" fillId="0" borderId="4" xfId="0" applyFont="1" applyBorder="1" applyAlignment="1">
      <alignment horizontal="center" vertical="center" wrapText="1"/>
    </xf>
    <xf numFmtId="0" fontId="14" fillId="0" borderId="13" xfId="0" applyFont="1" applyBorder="1" applyAlignment="1">
      <alignment horizontal="center" vertical="center" wrapText="1"/>
    </xf>
    <xf numFmtId="0" fontId="14" fillId="0" borderId="68" xfId="0" applyFont="1" applyBorder="1" applyAlignment="1">
      <alignment horizontal="center" vertical="center" wrapText="1"/>
    </xf>
    <xf numFmtId="0" fontId="16" fillId="0" borderId="2" xfId="0" applyFont="1" applyBorder="1" applyAlignment="1">
      <alignment horizontal="center" vertical="center" textRotation="255" wrapText="1"/>
    </xf>
    <xf numFmtId="0" fontId="16" fillId="0" borderId="3" xfId="0" applyFont="1" applyBorder="1" applyAlignment="1">
      <alignment horizontal="center" vertical="center" textRotation="255" wrapText="1"/>
    </xf>
    <xf numFmtId="0" fontId="16" fillId="0" borderId="4" xfId="0" applyFont="1" applyBorder="1" applyAlignment="1">
      <alignment horizontal="center" vertical="center" textRotation="255" wrapText="1"/>
    </xf>
    <xf numFmtId="0" fontId="16" fillId="0" borderId="3" xfId="0" applyFont="1" applyBorder="1" applyAlignment="1">
      <alignment horizontal="center" vertical="center" textRotation="255"/>
    </xf>
    <xf numFmtId="0" fontId="16" fillId="0" borderId="75" xfId="0" applyFont="1" applyBorder="1" applyAlignment="1">
      <alignment horizontal="center" vertical="center" textRotation="255" wrapText="1"/>
    </xf>
    <xf numFmtId="0" fontId="16" fillId="0" borderId="68" xfId="0" applyFont="1" applyBorder="1" applyAlignment="1">
      <alignment horizontal="center" vertical="center" textRotation="255"/>
    </xf>
    <xf numFmtId="0" fontId="16" fillId="0" borderId="72" xfId="0" applyFont="1" applyBorder="1" applyAlignment="1">
      <alignment horizontal="center" vertical="center" textRotation="255"/>
    </xf>
    <xf numFmtId="0" fontId="14" fillId="0" borderId="14" xfId="0" applyFont="1" applyBorder="1" applyAlignment="1" applyProtection="1">
      <alignment horizontal="center" vertical="center"/>
      <protection locked="0"/>
    </xf>
    <xf numFmtId="0" fontId="2" fillId="0" borderId="41" xfId="0" applyFont="1" applyBorder="1" applyAlignment="1">
      <alignment horizontal="center" vertical="center" wrapText="1"/>
    </xf>
    <xf numFmtId="0" fontId="2" fillId="0" borderId="42" xfId="0" applyFont="1" applyBorder="1" applyAlignment="1">
      <alignment horizontal="center" vertical="center" wrapText="1"/>
    </xf>
    <xf numFmtId="0" fontId="2" fillId="0" borderId="44" xfId="0" applyFont="1" applyBorder="1" applyAlignment="1">
      <alignment horizontal="center" vertical="center" wrapText="1"/>
    </xf>
    <xf numFmtId="0" fontId="2" fillId="0" borderId="16" xfId="0" applyFont="1" applyBorder="1" applyAlignment="1">
      <alignment horizontal="center" vertical="center" wrapText="1"/>
    </xf>
    <xf numFmtId="0" fontId="2" fillId="0" borderId="50" xfId="0" applyFont="1" applyBorder="1" applyAlignment="1">
      <alignment horizontal="center" vertical="center" wrapText="1"/>
    </xf>
    <xf numFmtId="0" fontId="2" fillId="0" borderId="51" xfId="0" applyFont="1" applyBorder="1" applyAlignment="1">
      <alignment horizontal="center" vertical="center" wrapText="1"/>
    </xf>
    <xf numFmtId="0" fontId="2" fillId="0" borderId="48" xfId="0" applyFont="1" applyBorder="1" applyAlignment="1">
      <alignment vertical="center" textRotation="255" wrapText="1"/>
    </xf>
    <xf numFmtId="0" fontId="2" fillId="0" borderId="44" xfId="0" applyFont="1" applyBorder="1" applyAlignment="1">
      <alignment vertical="center" textRotation="255" wrapText="1"/>
    </xf>
    <xf numFmtId="0" fontId="2" fillId="0" borderId="50" xfId="0" applyFont="1" applyBorder="1" applyAlignment="1">
      <alignment vertical="center" textRotation="255" wrapText="1"/>
    </xf>
    <xf numFmtId="0" fontId="2" fillId="0" borderId="21" xfId="0" applyFont="1" applyBorder="1" applyAlignment="1">
      <alignment horizontal="left" vertical="center" wrapText="1"/>
    </xf>
    <xf numFmtId="0" fontId="2" fillId="0" borderId="51" xfId="0" applyFont="1" applyBorder="1" applyAlignment="1">
      <alignment horizontal="left" vertical="center" wrapText="1"/>
    </xf>
    <xf numFmtId="0" fontId="2" fillId="0" borderId="46" xfId="0" applyFont="1" applyBorder="1" applyAlignment="1">
      <alignment vertical="center" textRotation="255" wrapText="1"/>
    </xf>
    <xf numFmtId="0" fontId="2" fillId="0" borderId="16" xfId="0" applyFont="1" applyBorder="1" applyAlignment="1">
      <alignment horizontal="left" vertical="top" wrapText="1"/>
    </xf>
    <xf numFmtId="0" fontId="2" fillId="0" borderId="26" xfId="0" applyFont="1" applyBorder="1" applyAlignment="1">
      <alignment horizontal="left" vertical="top" wrapText="1"/>
    </xf>
    <xf numFmtId="0" fontId="2" fillId="6" borderId="5" xfId="0" applyFont="1" applyFill="1" applyBorder="1" applyAlignment="1">
      <alignment horizontal="center" vertical="center"/>
    </xf>
    <xf numFmtId="0" fontId="2" fillId="6" borderId="18" xfId="0" applyFont="1" applyFill="1" applyBorder="1" applyAlignment="1">
      <alignment horizontal="center" vertical="center"/>
    </xf>
    <xf numFmtId="0" fontId="2" fillId="6" borderId="6" xfId="0" applyFont="1" applyFill="1" applyBorder="1" applyAlignment="1">
      <alignment horizontal="center" vertical="center"/>
    </xf>
    <xf numFmtId="0" fontId="2" fillId="3" borderId="5" xfId="0" applyFont="1" applyFill="1" applyBorder="1" applyAlignment="1">
      <alignment horizontal="center" vertical="center"/>
    </xf>
    <xf numFmtId="0" fontId="2" fillId="3" borderId="18" xfId="0" applyFont="1" applyFill="1" applyBorder="1" applyAlignment="1">
      <alignment horizontal="center" vertical="center"/>
    </xf>
    <xf numFmtId="0" fontId="2" fillId="3" borderId="6" xfId="0" applyFont="1" applyFill="1" applyBorder="1" applyAlignment="1">
      <alignment horizontal="center" vertical="center"/>
    </xf>
    <xf numFmtId="0" fontId="2" fillId="6" borderId="19" xfId="0" applyFont="1" applyFill="1" applyBorder="1" applyAlignment="1">
      <alignment horizontal="center" vertical="center"/>
    </xf>
    <xf numFmtId="0" fontId="2" fillId="6" borderId="0" xfId="0" applyFont="1" applyFill="1" applyBorder="1" applyAlignment="1">
      <alignment horizontal="center" vertical="center"/>
    </xf>
    <xf numFmtId="0" fontId="2" fillId="6" borderId="9" xfId="0" applyFont="1" applyFill="1" applyBorder="1" applyAlignment="1">
      <alignment horizontal="center" vertical="center"/>
    </xf>
    <xf numFmtId="0" fontId="2" fillId="0" borderId="63" xfId="0" applyFont="1" applyBorder="1" applyAlignment="1">
      <alignment horizontal="center" vertical="center" wrapText="1"/>
    </xf>
    <xf numFmtId="0" fontId="2" fillId="0" borderId="60" xfId="0" applyFont="1" applyBorder="1" applyAlignment="1">
      <alignment horizontal="center" vertical="center" wrapText="1"/>
    </xf>
    <xf numFmtId="0" fontId="2" fillId="0" borderId="64" xfId="0" applyFont="1" applyBorder="1" applyAlignment="1">
      <alignment horizontal="center" vertical="center" wrapText="1"/>
    </xf>
    <xf numFmtId="0" fontId="2" fillId="0" borderId="58" xfId="0" applyFont="1" applyBorder="1" applyAlignment="1">
      <alignment horizontal="center" vertical="center" wrapText="1"/>
    </xf>
    <xf numFmtId="0" fontId="2" fillId="0" borderId="65" xfId="0" applyFont="1" applyBorder="1" applyAlignment="1">
      <alignment horizontal="center" vertical="center" wrapText="1"/>
    </xf>
    <xf numFmtId="0" fontId="2" fillId="0" borderId="59" xfId="0" applyFont="1" applyBorder="1" applyAlignment="1">
      <alignment horizontal="center" vertical="center" wrapText="1"/>
    </xf>
    <xf numFmtId="0" fontId="2" fillId="0" borderId="66" xfId="0" applyFont="1" applyBorder="1" applyAlignment="1">
      <alignment horizontal="center" vertical="center" wrapText="1"/>
    </xf>
    <xf numFmtId="0" fontId="2" fillId="0" borderId="62" xfId="0" applyFont="1" applyBorder="1" applyAlignment="1">
      <alignment horizontal="center" vertical="center" wrapText="1"/>
    </xf>
    <xf numFmtId="0" fontId="2" fillId="0" borderId="57" xfId="0" applyFont="1" applyBorder="1" applyAlignment="1">
      <alignment horizontal="center" vertical="center" textRotation="255" wrapText="1"/>
    </xf>
    <xf numFmtId="0" fontId="2" fillId="0" borderId="44" xfId="0" applyFont="1" applyBorder="1" applyAlignment="1">
      <alignment horizontal="center" vertical="center" textRotation="255" wrapText="1"/>
    </xf>
    <xf numFmtId="0" fontId="2" fillId="0" borderId="46" xfId="0" applyFont="1" applyBorder="1" applyAlignment="1">
      <alignment horizontal="center" vertical="center" textRotation="255" wrapText="1"/>
    </xf>
    <xf numFmtId="0" fontId="5" fillId="2" borderId="0" xfId="0" applyFont="1" applyFill="1" applyAlignment="1">
      <alignment horizontal="left" vertical="center" wrapText="1"/>
    </xf>
    <xf numFmtId="0" fontId="5" fillId="0" borderId="0" xfId="0" applyFont="1" applyAlignment="1">
      <alignment horizontal="left" vertical="center" wrapText="1"/>
    </xf>
    <xf numFmtId="0" fontId="5" fillId="0" borderId="9" xfId="0" applyFont="1" applyBorder="1" applyAlignment="1">
      <alignment horizontal="left" vertical="center" wrapText="1"/>
    </xf>
    <xf numFmtId="0" fontId="5" fillId="0" borderId="0" xfId="0" applyFont="1" applyBorder="1" applyAlignment="1">
      <alignment horizontal="left" vertical="center" wrapText="1"/>
    </xf>
    <xf numFmtId="0" fontId="3" fillId="2" borderId="0" xfId="0" applyFont="1" applyFill="1" applyBorder="1" applyAlignment="1">
      <alignment horizontal="center" vertical="center" shrinkToFit="1"/>
    </xf>
    <xf numFmtId="0" fontId="3" fillId="2" borderId="9" xfId="0" applyFont="1" applyFill="1" applyBorder="1" applyAlignment="1">
      <alignment horizontal="center" vertical="center" shrinkToFit="1"/>
    </xf>
    <xf numFmtId="0" fontId="3" fillId="0" borderId="10" xfId="0" applyFont="1" applyBorder="1" applyAlignment="1">
      <alignment horizontal="center" vertical="center"/>
    </xf>
    <xf numFmtId="0" fontId="3" fillId="0" borderId="11" xfId="0" applyFont="1" applyBorder="1" applyAlignment="1">
      <alignment horizontal="center" vertical="center"/>
    </xf>
    <xf numFmtId="0" fontId="3" fillId="0" borderId="12" xfId="0" applyFont="1" applyBorder="1" applyAlignment="1">
      <alignment horizontal="center" vertical="center"/>
    </xf>
    <xf numFmtId="0" fontId="3" fillId="0" borderId="5" xfId="0" applyFont="1" applyBorder="1" applyAlignment="1">
      <alignment horizontal="center" vertical="center" textRotation="255"/>
    </xf>
    <xf numFmtId="0" fontId="3" fillId="0" borderId="19" xfId="0" applyFont="1" applyBorder="1" applyAlignment="1">
      <alignment horizontal="center" vertical="center" textRotation="255"/>
    </xf>
    <xf numFmtId="0" fontId="3" fillId="0" borderId="7" xfId="0" applyFont="1" applyBorder="1" applyAlignment="1">
      <alignment horizontal="center" vertical="center" textRotation="255"/>
    </xf>
    <xf numFmtId="0" fontId="3" fillId="2" borderId="5" xfId="0" applyFont="1" applyFill="1" applyBorder="1" applyAlignment="1">
      <alignment horizontal="center" vertical="center"/>
    </xf>
    <xf numFmtId="0" fontId="3" fillId="2" borderId="19" xfId="0" applyFont="1" applyFill="1" applyBorder="1" applyAlignment="1">
      <alignment horizontal="center" vertical="center"/>
    </xf>
    <xf numFmtId="0" fontId="3" fillId="2" borderId="7" xfId="0" applyFont="1" applyFill="1" applyBorder="1" applyAlignment="1">
      <alignment horizontal="center" vertical="center"/>
    </xf>
    <xf numFmtId="0" fontId="3" fillId="2" borderId="9" xfId="0" applyFont="1" applyFill="1" applyBorder="1" applyAlignment="1">
      <alignment horizontal="right" vertical="center"/>
    </xf>
    <xf numFmtId="0" fontId="12" fillId="0" borderId="19" xfId="0" applyFont="1" applyBorder="1" applyAlignment="1">
      <alignment horizontal="left" vertical="center" wrapText="1"/>
    </xf>
    <xf numFmtId="0" fontId="12" fillId="0" borderId="0" xfId="0" applyFont="1" applyBorder="1" applyAlignment="1">
      <alignment horizontal="left" vertical="center" wrapText="1"/>
    </xf>
    <xf numFmtId="0" fontId="12" fillId="0" borderId="9" xfId="0" applyFont="1" applyBorder="1" applyAlignment="1">
      <alignment horizontal="left" vertical="center" wrapText="1"/>
    </xf>
    <xf numFmtId="0" fontId="12" fillId="0" borderId="7" xfId="0" applyFont="1" applyBorder="1" applyAlignment="1">
      <alignment horizontal="left" vertical="center" wrapText="1"/>
    </xf>
    <xf numFmtId="0" fontId="12" fillId="0" borderId="1" xfId="0" applyFont="1" applyBorder="1" applyAlignment="1">
      <alignment horizontal="left" vertical="center" wrapText="1"/>
    </xf>
    <xf numFmtId="0" fontId="12" fillId="0" borderId="8" xfId="0" applyFont="1" applyBorder="1" applyAlignment="1">
      <alignment horizontal="left" vertical="center" wrapText="1"/>
    </xf>
    <xf numFmtId="0" fontId="12" fillId="0" borderId="5" xfId="0" applyFont="1" applyBorder="1" applyAlignment="1">
      <alignment horizontal="left" vertical="center"/>
    </xf>
    <xf numFmtId="0" fontId="12" fillId="0" borderId="18" xfId="0" applyFont="1" applyBorder="1" applyAlignment="1">
      <alignment horizontal="left" vertical="center"/>
    </xf>
    <xf numFmtId="0" fontId="12" fillId="0" borderId="6" xfId="0" applyFont="1" applyBorder="1" applyAlignment="1">
      <alignment horizontal="left" vertical="center"/>
    </xf>
    <xf numFmtId="0" fontId="12" fillId="0" borderId="19" xfId="0" applyFont="1" applyBorder="1" applyAlignment="1">
      <alignment horizontal="left" vertical="center"/>
    </xf>
    <xf numFmtId="0" fontId="12" fillId="0" borderId="0" xfId="0" applyFont="1" applyBorder="1" applyAlignment="1">
      <alignment horizontal="left" vertical="center"/>
    </xf>
    <xf numFmtId="0" fontId="12" fillId="0" borderId="9" xfId="0" applyFont="1" applyBorder="1" applyAlignment="1">
      <alignment horizontal="left" vertical="center"/>
    </xf>
    <xf numFmtId="0" fontId="12" fillId="0" borderId="7" xfId="0" applyFont="1" applyBorder="1" applyAlignment="1">
      <alignment horizontal="left" vertical="center"/>
    </xf>
    <xf numFmtId="0" fontId="12" fillId="0" borderId="1" xfId="0" applyFont="1" applyBorder="1" applyAlignment="1">
      <alignment horizontal="left" vertical="center"/>
    </xf>
    <xf numFmtId="0" fontId="12" fillId="0" borderId="8" xfId="0" applyFont="1" applyBorder="1" applyAlignment="1">
      <alignment horizontal="left" vertical="center"/>
    </xf>
    <xf numFmtId="0" fontId="11" fillId="0" borderId="5" xfId="0" applyFont="1" applyBorder="1" applyAlignment="1">
      <alignment horizontal="left" vertical="center" wrapText="1"/>
    </xf>
    <xf numFmtId="0" fontId="12" fillId="0" borderId="18" xfId="0" applyFont="1" applyBorder="1" applyAlignment="1">
      <alignment horizontal="left" vertical="center" wrapText="1"/>
    </xf>
    <xf numFmtId="0" fontId="12" fillId="0" borderId="6" xfId="0" applyFont="1" applyBorder="1" applyAlignment="1">
      <alignment horizontal="left" vertical="center" wrapText="1"/>
    </xf>
    <xf numFmtId="0" fontId="12" fillId="0" borderId="69" xfId="0" applyFont="1" applyBorder="1" applyAlignment="1">
      <alignment horizontal="left" vertical="center" wrapText="1"/>
    </xf>
    <xf numFmtId="0" fontId="12" fillId="0" borderId="70" xfId="0" applyFont="1" applyBorder="1" applyAlignment="1">
      <alignment horizontal="left" vertical="center" wrapText="1"/>
    </xf>
    <xf numFmtId="0" fontId="12" fillId="0" borderId="71" xfId="0" applyFont="1" applyBorder="1" applyAlignment="1">
      <alignment horizontal="left" vertical="center" wrapText="1"/>
    </xf>
    <xf numFmtId="0" fontId="12" fillId="0" borderId="5" xfId="0" applyFont="1" applyBorder="1" applyAlignment="1">
      <alignment horizontal="left" vertical="center" wrapText="1"/>
    </xf>
    <xf numFmtId="0" fontId="14" fillId="0" borderId="68" xfId="0" applyFont="1" applyBorder="1" applyAlignment="1">
      <alignment horizontal="center" vertical="center" textRotation="255"/>
    </xf>
    <xf numFmtId="0" fontId="17" fillId="0" borderId="68" xfId="0" applyFont="1" applyBorder="1" applyAlignment="1">
      <alignment horizontal="left" vertical="top" wrapText="1"/>
    </xf>
    <xf numFmtId="0" fontId="0" fillId="0" borderId="68" xfId="0" applyBorder="1" applyAlignment="1">
      <alignment horizontal="left" vertical="top" wrapText="1"/>
    </xf>
    <xf numFmtId="0" fontId="0" fillId="0" borderId="2" xfId="0" applyBorder="1" applyAlignment="1">
      <alignment horizontal="center" vertical="center"/>
    </xf>
    <xf numFmtId="0" fontId="0" fillId="0" borderId="76" xfId="0" applyBorder="1" applyAlignment="1">
      <alignment horizontal="center" vertical="center"/>
    </xf>
    <xf numFmtId="0" fontId="0" fillId="0" borderId="68" xfId="0" applyBorder="1" applyAlignment="1">
      <alignment horizontal="center" vertical="center"/>
    </xf>
    <xf numFmtId="0" fontId="0" fillId="0" borderId="2" xfId="0" applyBorder="1" applyAlignment="1">
      <alignment horizontal="center" vertical="center" textRotation="255"/>
    </xf>
    <xf numFmtId="0" fontId="0" fillId="0" borderId="3" xfId="0" applyBorder="1" applyAlignment="1">
      <alignment horizontal="center" vertical="center" textRotation="255"/>
    </xf>
    <xf numFmtId="0" fontId="0" fillId="0" borderId="4" xfId="0" applyBorder="1" applyAlignment="1">
      <alignment horizontal="center" vertical="center" textRotation="255"/>
    </xf>
    <xf numFmtId="0" fontId="14" fillId="0" borderId="13" xfId="0" applyFont="1" applyBorder="1" applyAlignment="1">
      <alignment horizontal="left" vertical="center" wrapText="1"/>
    </xf>
    <xf numFmtId="0" fontId="14" fillId="0" borderId="31" xfId="0" applyFont="1" applyBorder="1" applyAlignment="1">
      <alignment horizontal="left" vertical="center"/>
    </xf>
    <xf numFmtId="0" fontId="14" fillId="0" borderId="14" xfId="0" applyFont="1" applyBorder="1" applyAlignment="1">
      <alignment horizontal="left" vertical="center"/>
    </xf>
    <xf numFmtId="0" fontId="15" fillId="0" borderId="68" xfId="0" applyFont="1" applyBorder="1" applyAlignment="1">
      <alignment horizontal="center" vertical="center" wrapText="1"/>
    </xf>
    <xf numFmtId="0" fontId="0" fillId="0" borderId="68" xfId="0" applyBorder="1" applyAlignment="1">
      <alignment horizontal="left" vertical="center" wrapText="1"/>
    </xf>
    <xf numFmtId="0" fontId="0" fillId="0" borderId="68" xfId="0" applyBorder="1" applyAlignment="1">
      <alignment vertical="center" wrapText="1"/>
    </xf>
    <xf numFmtId="0" fontId="5" fillId="0" borderId="135" xfId="0" applyFont="1" applyBorder="1" applyAlignment="1">
      <alignment vertical="center"/>
    </xf>
    <xf numFmtId="0" fontId="5" fillId="0" borderId="68" xfId="0" applyFont="1" applyBorder="1" applyAlignment="1">
      <alignment vertical="center"/>
    </xf>
    <xf numFmtId="0" fontId="5" fillId="0" borderId="123" xfId="0" applyFont="1" applyBorder="1" applyAlignment="1">
      <alignment vertical="center"/>
    </xf>
    <xf numFmtId="0" fontId="5" fillId="0" borderId="131" xfId="0" applyFont="1" applyBorder="1" applyAlignment="1">
      <alignment horizontal="left" vertical="center"/>
    </xf>
    <xf numFmtId="0" fontId="5" fillId="0" borderId="132" xfId="0" applyFont="1" applyBorder="1" applyAlignment="1">
      <alignment horizontal="left" vertical="center"/>
    </xf>
    <xf numFmtId="0" fontId="5" fillId="0" borderId="133" xfId="0" applyFont="1" applyBorder="1" applyAlignment="1">
      <alignment horizontal="left" vertical="center"/>
    </xf>
    <xf numFmtId="0" fontId="5" fillId="0" borderId="136" xfId="0" applyFont="1" applyBorder="1" applyAlignment="1">
      <alignment vertical="center"/>
    </xf>
    <xf numFmtId="0" fontId="5" fillId="0" borderId="132" xfId="0" applyFont="1" applyBorder="1" applyAlignment="1">
      <alignment vertical="center"/>
    </xf>
    <xf numFmtId="0" fontId="5" fillId="0" borderId="133" xfId="0" applyFont="1" applyBorder="1" applyAlignment="1">
      <alignment vertical="center"/>
    </xf>
    <xf numFmtId="0" fontId="0" fillId="0" borderId="117" xfId="0" applyBorder="1" applyAlignment="1">
      <alignment horizontal="left" vertical="center" wrapText="1"/>
    </xf>
    <xf numFmtId="0" fontId="0" fillId="0" borderId="122" xfId="0" applyBorder="1" applyAlignment="1">
      <alignment horizontal="left" vertical="center" wrapText="1"/>
    </xf>
    <xf numFmtId="0" fontId="0" fillId="0" borderId="127" xfId="0" applyBorder="1" applyAlignment="1">
      <alignment horizontal="left" vertical="center" wrapText="1"/>
    </xf>
    <xf numFmtId="0" fontId="5" fillId="0" borderId="118" xfId="0" applyFont="1" applyBorder="1" applyAlignment="1">
      <alignment horizontal="left" vertical="center"/>
    </xf>
    <xf numFmtId="0" fontId="5" fillId="0" borderId="119" xfId="0" applyFont="1" applyBorder="1" applyAlignment="1">
      <alignment horizontal="left" vertical="center"/>
    </xf>
    <xf numFmtId="0" fontId="5" fillId="0" borderId="120" xfId="0" applyFont="1" applyBorder="1" applyAlignment="1">
      <alignment horizontal="left" vertical="center"/>
    </xf>
    <xf numFmtId="0" fontId="5" fillId="0" borderId="134" xfId="0" applyFont="1" applyBorder="1" applyAlignment="1">
      <alignment vertical="center"/>
    </xf>
    <xf numFmtId="0" fontId="5" fillId="0" borderId="119" xfId="0" applyFont="1" applyBorder="1" applyAlignment="1">
      <alignment vertical="center"/>
    </xf>
    <xf numFmtId="0" fontId="5" fillId="0" borderId="120" xfId="0" applyFont="1" applyBorder="1" applyAlignment="1">
      <alignment vertical="center"/>
    </xf>
    <xf numFmtId="0" fontId="5" fillId="0" borderId="14" xfId="0" applyFont="1" applyBorder="1" applyAlignment="1">
      <alignment horizontal="left" vertical="center"/>
    </xf>
    <xf numFmtId="0" fontId="5" fillId="0" borderId="68" xfId="0" applyFont="1" applyBorder="1" applyAlignment="1">
      <alignment horizontal="left" vertical="center"/>
    </xf>
    <xf numFmtId="0" fontId="5" fillId="0" borderId="123" xfId="0" applyFont="1" applyBorder="1" applyAlignment="1">
      <alignment horizontal="left" vertical="center"/>
    </xf>
    <xf numFmtId="0" fontId="18" fillId="0" borderId="131" xfId="0" applyFont="1" applyBorder="1" applyAlignment="1">
      <alignment vertical="center"/>
    </xf>
    <xf numFmtId="0" fontId="18" fillId="0" borderId="132" xfId="0" applyFont="1" applyBorder="1" applyAlignment="1">
      <alignment vertical="center"/>
    </xf>
    <xf numFmtId="0" fontId="18" fillId="0" borderId="133" xfId="0" applyFont="1" applyBorder="1" applyAlignment="1">
      <alignment vertical="center"/>
    </xf>
    <xf numFmtId="0" fontId="5" fillId="0" borderId="14" xfId="0" applyFont="1" applyBorder="1" applyAlignment="1">
      <alignment horizontal="left" vertical="center" wrapText="1"/>
    </xf>
    <xf numFmtId="0" fontId="5" fillId="0" borderId="68" xfId="0" applyFont="1" applyBorder="1" applyAlignment="1">
      <alignment horizontal="left" vertical="center" wrapText="1"/>
    </xf>
    <xf numFmtId="0" fontId="5" fillId="0" borderId="123" xfId="0" applyFont="1" applyBorder="1" applyAlignment="1">
      <alignment horizontal="left" vertical="center" wrapText="1"/>
    </xf>
    <xf numFmtId="0" fontId="5" fillId="0" borderId="135" xfId="0" applyFont="1" applyBorder="1" applyAlignment="1">
      <alignment vertical="center" wrapText="1"/>
    </xf>
    <xf numFmtId="0" fontId="5" fillId="0" borderId="68" xfId="0" applyFont="1" applyBorder="1" applyAlignment="1">
      <alignment vertical="center" wrapText="1"/>
    </xf>
    <xf numFmtId="0" fontId="5" fillId="0" borderId="123" xfId="0" applyFont="1" applyBorder="1" applyAlignment="1">
      <alignment vertical="center" wrapText="1"/>
    </xf>
    <xf numFmtId="0" fontId="0" fillId="0" borderId="117" xfId="0" applyBorder="1" applyAlignment="1">
      <alignment horizontal="center" vertical="center" wrapText="1"/>
    </xf>
    <xf numFmtId="0" fontId="0" fillId="0" borderId="122" xfId="0" applyBorder="1" applyAlignment="1">
      <alignment horizontal="center" vertical="center" wrapText="1"/>
    </xf>
    <xf numFmtId="0" fontId="0" fillId="0" borderId="127" xfId="0" applyBorder="1" applyAlignment="1">
      <alignment horizontal="center" vertical="center" wrapText="1"/>
    </xf>
    <xf numFmtId="0" fontId="18" fillId="0" borderId="118" xfId="0" applyFont="1" applyBorder="1" applyAlignment="1">
      <alignment horizontal="left" vertical="center" wrapText="1"/>
    </xf>
    <xf numFmtId="0" fontId="18" fillId="0" borderId="119" xfId="0" applyFont="1" applyBorder="1" applyAlignment="1">
      <alignment horizontal="left" vertical="center" wrapText="1"/>
    </xf>
    <xf numFmtId="0" fontId="18" fillId="0" borderId="120" xfId="0" applyFont="1" applyBorder="1" applyAlignment="1">
      <alignment horizontal="left" vertical="center" wrapText="1"/>
    </xf>
    <xf numFmtId="0" fontId="18" fillId="0" borderId="134" xfId="0" applyFont="1" applyBorder="1" applyAlignment="1">
      <alignment vertical="center" wrapText="1"/>
    </xf>
    <xf numFmtId="0" fontId="5" fillId="0" borderId="119" xfId="0" applyFont="1" applyBorder="1" applyAlignment="1">
      <alignment vertical="center" wrapText="1"/>
    </xf>
    <xf numFmtId="0" fontId="5" fillId="0" borderId="120" xfId="0" applyFont="1" applyBorder="1" applyAlignment="1">
      <alignment vertical="center" wrapText="1"/>
    </xf>
    <xf numFmtId="0" fontId="5" fillId="0" borderId="124" xfId="0" applyFont="1" applyBorder="1" applyAlignment="1">
      <alignment horizontal="center" vertical="center" wrapText="1"/>
    </xf>
    <xf numFmtId="0" fontId="5" fillId="0" borderId="125" xfId="0" applyFont="1" applyBorder="1" applyAlignment="1">
      <alignment horizontal="center" vertical="center" wrapText="1"/>
    </xf>
    <xf numFmtId="0" fontId="5" fillId="0" borderId="126" xfId="0" applyFont="1" applyBorder="1" applyAlignment="1">
      <alignment horizontal="center" vertical="center" wrapText="1"/>
    </xf>
    <xf numFmtId="0" fontId="5" fillId="0" borderId="128" xfId="0" applyFont="1" applyBorder="1" applyAlignment="1">
      <alignment horizontal="center" vertical="center" wrapText="1"/>
    </xf>
    <xf numFmtId="0" fontId="5" fillId="0" borderId="129" xfId="0" applyFont="1" applyBorder="1" applyAlignment="1">
      <alignment horizontal="center" vertical="center" wrapText="1"/>
    </xf>
    <xf numFmtId="0" fontId="5" fillId="0" borderId="130" xfId="0" applyFont="1" applyBorder="1" applyAlignment="1">
      <alignment horizontal="center" vertical="center" wrapText="1"/>
    </xf>
    <xf numFmtId="0" fontId="5" fillId="0" borderId="136" xfId="0" applyFont="1" applyBorder="1" applyAlignment="1">
      <alignment vertical="center" wrapText="1"/>
    </xf>
    <xf numFmtId="0" fontId="5" fillId="0" borderId="132" xfId="0" applyFont="1" applyBorder="1" applyAlignment="1">
      <alignment vertical="center" wrapText="1"/>
    </xf>
    <xf numFmtId="0" fontId="5" fillId="0" borderId="133" xfId="0" applyFont="1" applyBorder="1" applyAlignment="1">
      <alignment vertical="center" wrapText="1"/>
    </xf>
    <xf numFmtId="0" fontId="18" fillId="0" borderId="14" xfId="0" applyFont="1" applyBorder="1" applyAlignment="1">
      <alignment horizontal="left" vertical="center" wrapText="1"/>
    </xf>
    <xf numFmtId="0" fontId="18" fillId="0" borderId="68" xfId="0" applyFont="1" applyBorder="1" applyAlignment="1">
      <alignment horizontal="left" vertical="center" wrapText="1"/>
    </xf>
    <xf numFmtId="0" fontId="18" fillId="0" borderId="123" xfId="0" applyFont="1" applyBorder="1" applyAlignment="1">
      <alignment horizontal="left" vertical="center" wrapText="1"/>
    </xf>
    <xf numFmtId="0" fontId="18" fillId="0" borderId="14" xfId="0" applyFont="1" applyBorder="1" applyAlignment="1">
      <alignment vertical="center" wrapText="1"/>
    </xf>
    <xf numFmtId="0" fontId="18" fillId="0" borderId="68" xfId="0" applyFont="1" applyBorder="1" applyAlignment="1">
      <alignment vertical="center" wrapText="1"/>
    </xf>
    <xf numFmtId="0" fontId="18" fillId="0" borderId="123" xfId="0" applyFont="1" applyBorder="1" applyAlignment="1">
      <alignment vertical="center" wrapText="1"/>
    </xf>
    <xf numFmtId="0" fontId="5" fillId="0" borderId="14" xfId="0" applyFont="1" applyBorder="1" applyAlignment="1">
      <alignment vertical="center" wrapText="1"/>
    </xf>
    <xf numFmtId="0" fontId="10" fillId="0" borderId="0" xfId="0" applyFont="1" applyBorder="1" applyAlignment="1">
      <alignment horizontal="center" vertical="center" wrapText="1"/>
    </xf>
    <xf numFmtId="0" fontId="9" fillId="0" borderId="113" xfId="0" applyFont="1" applyBorder="1" applyAlignment="1">
      <alignment horizontal="center" vertical="center" wrapText="1"/>
    </xf>
    <xf numFmtId="0" fontId="9" fillId="0" borderId="114" xfId="0" applyFont="1" applyBorder="1" applyAlignment="1">
      <alignment horizontal="center" vertical="center" wrapText="1"/>
    </xf>
    <xf numFmtId="0" fontId="9" fillId="0" borderId="115" xfId="0" applyFont="1" applyBorder="1" applyAlignment="1">
      <alignment horizontal="center" vertical="center" wrapText="1"/>
    </xf>
    <xf numFmtId="0" fontId="9" fillId="0" borderId="116" xfId="0" applyFont="1" applyBorder="1" applyAlignment="1">
      <alignment horizontal="center" vertical="center" wrapText="1"/>
    </xf>
    <xf numFmtId="0" fontId="0" fillId="0" borderId="122" xfId="0" applyBorder="1" applyAlignment="1">
      <alignment horizontal="center" vertical="center"/>
    </xf>
    <xf numFmtId="0" fontId="18" fillId="0" borderId="8" xfId="0" applyFont="1" applyBorder="1" applyAlignment="1">
      <alignment vertical="center" wrapText="1"/>
    </xf>
    <xf numFmtId="0" fontId="18" fillId="0" borderId="4" xfId="0" applyFont="1" applyBorder="1" applyAlignment="1">
      <alignment vertical="center" wrapText="1"/>
    </xf>
    <xf numFmtId="0" fontId="18" fillId="0" borderId="121" xfId="0" applyFont="1" applyBorder="1" applyAlignment="1">
      <alignment vertical="center" wrapText="1"/>
    </xf>
    <xf numFmtId="0" fontId="18" fillId="0" borderId="14" xfId="0" applyFont="1" applyBorder="1" applyAlignment="1">
      <alignment vertical="top" wrapText="1"/>
    </xf>
    <xf numFmtId="0" fontId="18" fillId="0" borderId="68" xfId="0" applyFont="1" applyBorder="1" applyAlignment="1">
      <alignment vertical="top" wrapText="1"/>
    </xf>
    <xf numFmtId="0" fontId="18" fillId="0" borderId="123" xfId="0" applyFont="1" applyBorder="1" applyAlignment="1">
      <alignment vertical="top" wrapText="1"/>
    </xf>
    <xf numFmtId="0" fontId="18" fillId="0" borderId="124" xfId="0" applyFont="1" applyBorder="1" applyAlignment="1">
      <alignment vertical="center" wrapText="1"/>
    </xf>
    <xf numFmtId="0" fontId="18" fillId="0" borderId="125" xfId="0" applyFont="1" applyBorder="1" applyAlignment="1">
      <alignment vertical="center" wrapText="1"/>
    </xf>
    <xf numFmtId="0" fontId="18" fillId="0" borderId="126" xfId="0" applyFont="1" applyBorder="1" applyAlignment="1">
      <alignment vertical="center" wrapText="1"/>
    </xf>
    <xf numFmtId="0" fontId="5" fillId="0" borderId="137" xfId="0" applyFont="1" applyBorder="1" applyAlignment="1">
      <alignment horizontal="left" vertical="center" wrapText="1"/>
    </xf>
    <xf numFmtId="0" fontId="5" fillId="0" borderId="31" xfId="0" applyFont="1" applyBorder="1" applyAlignment="1">
      <alignment horizontal="left" vertical="center" wrapText="1"/>
    </xf>
    <xf numFmtId="0" fontId="5" fillId="0" borderId="138" xfId="0" applyFont="1" applyBorder="1" applyAlignment="1">
      <alignment horizontal="left" vertical="center" wrapText="1"/>
    </xf>
    <xf numFmtId="0" fontId="5" fillId="0" borderId="139" xfId="0" applyFont="1" applyBorder="1" applyAlignment="1">
      <alignment horizontal="left" vertical="center"/>
    </xf>
    <xf numFmtId="0" fontId="5" fillId="0" borderId="140" xfId="0" applyFont="1" applyBorder="1" applyAlignment="1">
      <alignment horizontal="left" vertical="center"/>
    </xf>
    <xf numFmtId="0" fontId="5" fillId="0" borderId="141" xfId="0" applyFont="1" applyBorder="1" applyAlignment="1">
      <alignment horizontal="left" vertical="center"/>
    </xf>
    <xf numFmtId="0" fontId="18" fillId="0" borderId="137" xfId="0" applyFont="1" applyBorder="1" applyAlignment="1">
      <alignment horizontal="left" vertical="center" wrapText="1"/>
    </xf>
    <xf numFmtId="0" fontId="18" fillId="0" borderId="31" xfId="0" applyFont="1" applyBorder="1" applyAlignment="1">
      <alignment horizontal="left" vertical="center" wrapText="1"/>
    </xf>
    <xf numFmtId="0" fontId="18" fillId="0" borderId="138" xfId="0" applyFont="1" applyBorder="1" applyAlignment="1">
      <alignment horizontal="left" vertical="center" wrapText="1"/>
    </xf>
    <xf numFmtId="0" fontId="5" fillId="0" borderId="147" xfId="0" applyFont="1" applyBorder="1" applyAlignment="1">
      <alignment horizontal="center" vertical="center"/>
    </xf>
    <xf numFmtId="0" fontId="5" fillId="0" borderId="148" xfId="0" applyFont="1" applyBorder="1" applyAlignment="1">
      <alignment horizontal="center" vertical="center"/>
    </xf>
    <xf numFmtId="0" fontId="5" fillId="0" borderId="149" xfId="0" applyFont="1" applyBorder="1" applyAlignment="1">
      <alignment horizontal="center" vertical="center"/>
    </xf>
    <xf numFmtId="0" fontId="18" fillId="0" borderId="139" xfId="0" applyFont="1" applyBorder="1" applyAlignment="1">
      <alignment vertical="center"/>
    </xf>
    <xf numFmtId="0" fontId="18" fillId="0" borderId="140" xfId="0" applyFont="1" applyBorder="1" applyAlignment="1">
      <alignment vertical="center"/>
    </xf>
    <xf numFmtId="0" fontId="18" fillId="0" borderId="141" xfId="0" applyFont="1" applyBorder="1" applyAlignment="1">
      <alignment vertical="center"/>
    </xf>
    <xf numFmtId="0" fontId="0" fillId="0" borderId="142" xfId="0" applyBorder="1" applyAlignment="1">
      <alignment horizontal="center" vertical="center" wrapText="1"/>
    </xf>
    <xf numFmtId="0" fontId="0" fillId="0" borderId="143" xfId="0" applyBorder="1" applyAlignment="1">
      <alignment horizontal="center" vertical="center" wrapText="1"/>
    </xf>
    <xf numFmtId="0" fontId="0" fillId="0" borderId="146" xfId="0" applyBorder="1" applyAlignment="1">
      <alignment horizontal="center" vertical="center" wrapText="1"/>
    </xf>
    <xf numFmtId="0" fontId="5" fillId="0" borderId="137" xfId="0" applyFont="1" applyBorder="1" applyAlignment="1">
      <alignment vertical="center" wrapText="1"/>
    </xf>
    <xf numFmtId="0" fontId="5" fillId="0" borderId="31" xfId="0" applyFont="1" applyBorder="1" applyAlignment="1">
      <alignment vertical="center" wrapText="1"/>
    </xf>
    <xf numFmtId="0" fontId="5" fillId="0" borderId="138" xfId="0" applyFont="1" applyBorder="1" applyAlignment="1">
      <alignment vertical="center" wrapText="1"/>
    </xf>
    <xf numFmtId="0" fontId="18" fillId="0" borderId="144" xfId="0" applyFont="1" applyBorder="1" applyAlignment="1">
      <alignment vertical="center"/>
    </xf>
    <xf numFmtId="0" fontId="18" fillId="0" borderId="18" xfId="0" applyFont="1" applyBorder="1" applyAlignment="1">
      <alignment vertical="center"/>
    </xf>
    <xf numFmtId="0" fontId="18" fillId="0" borderId="145" xfId="0" applyFont="1" applyBorder="1" applyAlignment="1">
      <alignment vertical="center"/>
    </xf>
    <xf numFmtId="0" fontId="18" fillId="0" borderId="137" xfId="0" applyFont="1" applyBorder="1" applyAlignment="1">
      <alignment vertical="center" wrapText="1"/>
    </xf>
    <xf numFmtId="0" fontId="18" fillId="0" borderId="31" xfId="0" applyFont="1" applyBorder="1" applyAlignment="1">
      <alignment vertical="center" wrapText="1"/>
    </xf>
    <xf numFmtId="0" fontId="18" fillId="0" borderId="138" xfId="0" applyFont="1" applyBorder="1" applyAlignment="1">
      <alignment vertical="center" wrapText="1"/>
    </xf>
  </cellXfs>
  <cellStyles count="1">
    <cellStyle name="標準" xfId="0" builtinId="0"/>
  </cellStyles>
  <dxfs count="70">
    <dxf>
      <font>
        <b val="0"/>
        <i val="0"/>
        <strike val="0"/>
        <condense val="0"/>
        <extend val="0"/>
        <outline val="0"/>
        <shadow val="0"/>
        <u val="none"/>
        <vertAlign val="baseline"/>
        <sz val="11"/>
        <color theme="1"/>
        <name val="游ゴシック"/>
        <scheme val="minor"/>
      </font>
      <fill>
        <patternFill patternType="none">
          <fgColor indexed="64"/>
          <bgColor auto="1"/>
        </patternFill>
      </fill>
      <border diagonalUp="0" diagonalDown="0" outline="0">
        <left/>
        <right/>
        <top style="thin">
          <color theme="4" tint="0.39997558519241921"/>
        </top>
        <bottom/>
      </border>
    </dxf>
    <dxf>
      <font>
        <b val="0"/>
        <i val="0"/>
        <strike val="0"/>
        <condense val="0"/>
        <extend val="0"/>
        <outline val="0"/>
        <shadow val="0"/>
        <u val="none"/>
        <vertAlign val="baseline"/>
        <sz val="11"/>
        <color theme="1"/>
        <name val="游ゴシック"/>
        <scheme val="minor"/>
      </font>
      <fill>
        <patternFill patternType="solid">
          <fgColor theme="4" tint="0.79998168889431442"/>
          <bgColor theme="0"/>
        </patternFill>
      </fill>
      <border diagonalUp="0" diagonalDown="0" outline="0">
        <left/>
        <right/>
        <top/>
        <bottom/>
      </border>
    </dxf>
    <dxf>
      <border outline="0">
        <left style="thin">
          <color theme="4" tint="0.39997558519241921"/>
        </left>
        <right style="thin">
          <color theme="4" tint="0.39997558519241921"/>
        </right>
        <top style="thin">
          <color theme="4" tint="0.39997558519241921"/>
        </top>
        <bottom style="thin">
          <color theme="4" tint="0.39997558519241921"/>
        </bottom>
      </border>
    </dxf>
    <dxf>
      <font>
        <b val="0"/>
        <i val="0"/>
        <strike val="0"/>
        <condense val="0"/>
        <extend val="0"/>
        <outline val="0"/>
        <shadow val="0"/>
        <u val="none"/>
        <vertAlign val="baseline"/>
        <sz val="11"/>
        <color theme="1"/>
        <name val="游ゴシック"/>
        <scheme val="minor"/>
      </font>
      <fill>
        <patternFill patternType="none">
          <fgColor indexed="64"/>
          <bgColor auto="1"/>
        </patternFill>
      </fill>
    </dxf>
    <dxf>
      <font>
        <b val="0"/>
        <i val="0"/>
        <strike val="0"/>
        <condense val="0"/>
        <extend val="0"/>
        <outline val="0"/>
        <shadow val="0"/>
        <u val="none"/>
        <vertAlign val="baseline"/>
        <sz val="11"/>
        <color theme="1"/>
        <name val="游ゴシック"/>
        <scheme val="minor"/>
      </font>
      <fill>
        <patternFill patternType="none">
          <fgColor indexed="64"/>
          <bgColor auto="1"/>
        </patternFill>
      </fill>
    </dxf>
    <dxf>
      <font>
        <b val="0"/>
        <i val="0"/>
        <strike val="0"/>
        <condense val="0"/>
        <extend val="0"/>
        <outline val="0"/>
        <shadow val="0"/>
        <u val="none"/>
        <vertAlign val="baseline"/>
        <sz val="11"/>
        <color theme="1"/>
        <name val="游ゴシック"/>
        <scheme val="minor"/>
      </font>
      <fill>
        <patternFill patternType="none">
          <fgColor indexed="64"/>
          <bgColor auto="1"/>
        </patternFill>
      </fill>
      <border diagonalUp="0" diagonalDown="0" outline="0">
        <left/>
        <right/>
        <top style="thin">
          <color theme="4" tint="0.39997558519241921"/>
        </top>
        <bottom/>
      </border>
    </dxf>
    <dxf>
      <font>
        <b val="0"/>
        <i val="0"/>
        <strike val="0"/>
        <condense val="0"/>
        <extend val="0"/>
        <outline val="0"/>
        <shadow val="0"/>
        <u val="none"/>
        <vertAlign val="baseline"/>
        <sz val="11"/>
        <color theme="1"/>
        <name val="游ゴシック"/>
        <scheme val="minor"/>
      </font>
      <fill>
        <patternFill patternType="solid">
          <fgColor theme="4" tint="0.79998168889431442"/>
          <bgColor theme="0"/>
        </patternFill>
      </fill>
      <border diagonalUp="0" diagonalDown="0" outline="0">
        <left/>
        <right/>
        <top/>
        <bottom/>
      </border>
    </dxf>
    <dxf>
      <border outline="0">
        <right style="thin">
          <color theme="4" tint="0.39997558519241921"/>
        </right>
        <top style="thin">
          <color theme="4" tint="0.39997558519241921"/>
        </top>
        <bottom style="thin">
          <color theme="4" tint="0.39997558519241921"/>
        </bottom>
      </border>
    </dxf>
    <dxf>
      <font>
        <b val="0"/>
        <i val="0"/>
        <strike val="0"/>
        <condense val="0"/>
        <extend val="0"/>
        <outline val="0"/>
        <shadow val="0"/>
        <u val="none"/>
        <vertAlign val="baseline"/>
        <sz val="11"/>
        <color theme="1"/>
        <name val="游ゴシック"/>
        <scheme val="minor"/>
      </font>
      <fill>
        <patternFill patternType="none">
          <fgColor indexed="64"/>
          <bgColor auto="1"/>
        </patternFill>
      </fill>
    </dxf>
    <dxf>
      <font>
        <b val="0"/>
        <i val="0"/>
        <strike val="0"/>
        <condense val="0"/>
        <extend val="0"/>
        <outline val="0"/>
        <shadow val="0"/>
        <u val="none"/>
        <vertAlign val="baseline"/>
        <sz val="11"/>
        <color theme="1"/>
        <name val="游ゴシック"/>
        <scheme val="minor"/>
      </font>
      <fill>
        <patternFill patternType="none">
          <fgColor indexed="64"/>
          <bgColor auto="1"/>
        </patternFill>
      </fill>
    </dxf>
    <dxf>
      <font>
        <b val="0"/>
        <i val="0"/>
        <strike val="0"/>
        <condense val="0"/>
        <extend val="0"/>
        <outline val="0"/>
        <shadow val="0"/>
        <u val="none"/>
        <vertAlign val="baseline"/>
        <sz val="11"/>
        <color theme="1"/>
        <name val="游ゴシック"/>
        <scheme val="minor"/>
      </font>
    </dxf>
    <dxf>
      <font>
        <b val="0"/>
        <i val="0"/>
        <strike val="0"/>
        <condense val="0"/>
        <extend val="0"/>
        <outline val="0"/>
        <shadow val="0"/>
        <u val="none"/>
        <vertAlign val="baseline"/>
        <sz val="11"/>
        <color theme="1"/>
        <name val="游ゴシック"/>
        <scheme val="minor"/>
      </font>
    </dxf>
    <dxf>
      <border outline="0">
        <right style="thin">
          <color theme="4" tint="0.39997558519241921"/>
        </right>
      </border>
    </dxf>
    <dxf>
      <font>
        <b val="0"/>
        <i val="0"/>
        <strike val="0"/>
        <condense val="0"/>
        <extend val="0"/>
        <outline val="0"/>
        <shadow val="0"/>
        <u val="none"/>
        <vertAlign val="baseline"/>
        <sz val="11"/>
        <color theme="1"/>
        <name val="游ゴシック"/>
        <scheme val="minor"/>
      </font>
    </dxf>
    <dxf>
      <font>
        <b val="0"/>
        <i val="0"/>
        <strike val="0"/>
        <condense val="0"/>
        <extend val="0"/>
        <outline val="0"/>
        <shadow val="0"/>
        <u val="none"/>
        <vertAlign val="baseline"/>
        <sz val="11"/>
        <color theme="1"/>
        <name val="游ゴシック"/>
        <scheme val="minor"/>
      </font>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patternType="none">
          <fgColor indexed="64"/>
          <bgColor auto="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
      <fill>
        <patternFill>
          <bgColor theme="0" tint="-0.14996795556505021"/>
        </patternFill>
      </fill>
    </dxf>
  </dxfs>
  <tableStyles count="0" defaultTableStyle="TableStyleMedium2" defaultPivotStyle="PivotStyleLight16"/>
  <colors>
    <mruColors>
      <color rgb="FFE91FDB"/>
      <color rgb="FFFFCCFF"/>
      <color rgb="FFFF5050"/>
      <color rgb="FFFFFF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calcChain" Target="calcChain.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haredStrings" Target="sharedString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_rels/drawing2.xml.rels><?xml version="1.0" encoding="UTF-8" standalone="yes"?>
<Relationships xmlns="http://schemas.openxmlformats.org/package/2006/relationships"><Relationship Id="rId1" Type="http://schemas.openxmlformats.org/officeDocument/2006/relationships/image" Target="../media/image1.png"/></Relationships>
</file>

<file path=xl/drawings/_rels/drawing3.xml.rels><?xml version="1.0" encoding="UTF-8" standalone="yes"?>
<Relationships xmlns="http://schemas.openxmlformats.org/package/2006/relationships"><Relationship Id="rId1" Type="http://schemas.openxmlformats.org/officeDocument/2006/relationships/image" Target="../media/image1.png"/></Relationships>
</file>

<file path=xl/drawings/_rels/drawing4.xml.rels><?xml version="1.0" encoding="UTF-8" standalone="yes"?>
<Relationships xmlns="http://schemas.openxmlformats.org/package/2006/relationships"><Relationship Id="rId1" Type="http://schemas.openxmlformats.org/officeDocument/2006/relationships/image" Target="../media/image1.png"/></Relationships>
</file>

<file path=xl/drawings/_rels/drawing5.xml.rels><?xml version="1.0" encoding="UTF-8" standalone="yes"?>
<Relationships xmlns="http://schemas.openxmlformats.org/package/2006/relationships"><Relationship Id="rId1" Type="http://schemas.openxmlformats.org/officeDocument/2006/relationships/image" Target="../media/image1.png"/></Relationships>
</file>

<file path=xl/drawings/_rels/drawing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5" Type="http://schemas.openxmlformats.org/officeDocument/2006/relationships/image" Target="../media/image6.png"/><Relationship Id="rId4" Type="http://schemas.openxmlformats.org/officeDocument/2006/relationships/image" Target="../media/image5.png"/></Relationships>
</file>

<file path=xl/drawings/_rels/drawing8.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image" Target="../media/image8.png"/><Relationship Id="rId1" Type="http://schemas.openxmlformats.org/officeDocument/2006/relationships/image" Target="../media/image7.png"/><Relationship Id="rId6" Type="http://schemas.openxmlformats.org/officeDocument/2006/relationships/image" Target="../media/image12.png"/><Relationship Id="rId5" Type="http://schemas.openxmlformats.org/officeDocument/2006/relationships/image" Target="../media/image11.png"/><Relationship Id="rId10" Type="http://schemas.openxmlformats.org/officeDocument/2006/relationships/image" Target="../media/image16.png"/><Relationship Id="rId4" Type="http://schemas.openxmlformats.org/officeDocument/2006/relationships/image" Target="../media/image10.png"/><Relationship Id="rId9" Type="http://schemas.openxmlformats.org/officeDocument/2006/relationships/image" Target="../media/image15.png"/></Relationships>
</file>

<file path=xl/drawings/drawing1.xml><?xml version="1.0" encoding="utf-8"?>
<xdr:wsDr xmlns:xdr="http://schemas.openxmlformats.org/drawingml/2006/spreadsheetDrawing" xmlns:a="http://schemas.openxmlformats.org/drawingml/2006/main">
  <xdr:twoCellAnchor>
    <xdr:from>
      <xdr:col>27</xdr:col>
      <xdr:colOff>306918</xdr:colOff>
      <xdr:row>5</xdr:row>
      <xdr:rowOff>203686</xdr:rowOff>
    </xdr:from>
    <xdr:to>
      <xdr:col>28</xdr:col>
      <xdr:colOff>637520</xdr:colOff>
      <xdr:row>8</xdr:row>
      <xdr:rowOff>213037</xdr:rowOff>
    </xdr:to>
    <xdr:sp macro="" textlink="">
      <xdr:nvSpPr>
        <xdr:cNvPr id="8" name="正方形/長方形 7"/>
        <xdr:cNvSpPr/>
      </xdr:nvSpPr>
      <xdr:spPr>
        <a:xfrm>
          <a:off x="11470218" y="4870936"/>
          <a:ext cx="991002" cy="885651"/>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a:t>
          </a:r>
        </a:p>
      </xdr:txBody>
    </xdr:sp>
    <xdr:clientData/>
  </xdr:twoCellAnchor>
  <xdr:twoCellAnchor>
    <xdr:from>
      <xdr:col>29</xdr:col>
      <xdr:colOff>10685</xdr:colOff>
      <xdr:row>5</xdr:row>
      <xdr:rowOff>276262</xdr:rowOff>
    </xdr:from>
    <xdr:to>
      <xdr:col>30</xdr:col>
      <xdr:colOff>92223</xdr:colOff>
      <xdr:row>8</xdr:row>
      <xdr:rowOff>130549</xdr:rowOff>
    </xdr:to>
    <xdr:sp macro="" textlink="">
      <xdr:nvSpPr>
        <xdr:cNvPr id="9" name="左矢印 8"/>
        <xdr:cNvSpPr/>
      </xdr:nvSpPr>
      <xdr:spPr>
        <a:xfrm>
          <a:off x="12494785" y="4943512"/>
          <a:ext cx="741938" cy="730587"/>
        </a:xfrm>
        <a:prstGeom prst="leftArrow">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182938</xdr:colOff>
      <xdr:row>6</xdr:row>
      <xdr:rowOff>4116</xdr:rowOff>
    </xdr:from>
    <xdr:to>
      <xdr:col>33</xdr:col>
      <xdr:colOff>276672</xdr:colOff>
      <xdr:row>8</xdr:row>
      <xdr:rowOff>58731</xdr:rowOff>
    </xdr:to>
    <xdr:sp macro="" textlink="">
      <xdr:nvSpPr>
        <xdr:cNvPr id="16" name="角丸四角形 15"/>
        <xdr:cNvSpPr/>
      </xdr:nvSpPr>
      <xdr:spPr>
        <a:xfrm>
          <a:off x="13327438" y="4963466"/>
          <a:ext cx="2074934" cy="638815"/>
        </a:xfrm>
        <a:prstGeom prst="roundRect">
          <a:avLst/>
        </a:prstGeom>
        <a:solidFill>
          <a:schemeClr val="bg1">
            <a:lumMod val="8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左の枠を用いて、学習の流れ（学習過程）を作成しよう</a:t>
          </a:r>
        </a:p>
      </xdr:txBody>
    </xdr:sp>
    <xdr:clientData/>
  </xdr:twoCellAnchor>
  <xdr:twoCellAnchor>
    <xdr:from>
      <xdr:col>27</xdr:col>
      <xdr:colOff>289279</xdr:colOff>
      <xdr:row>3</xdr:row>
      <xdr:rowOff>117929</xdr:rowOff>
    </xdr:from>
    <xdr:to>
      <xdr:col>34</xdr:col>
      <xdr:colOff>417287</xdr:colOff>
      <xdr:row>5</xdr:row>
      <xdr:rowOff>36285</xdr:rowOff>
    </xdr:to>
    <xdr:sp macro="" textlink="">
      <xdr:nvSpPr>
        <xdr:cNvPr id="17" name="角丸四角形 16"/>
        <xdr:cNvSpPr/>
      </xdr:nvSpPr>
      <xdr:spPr>
        <a:xfrm>
          <a:off x="11452579" y="3381829"/>
          <a:ext cx="4750808" cy="1321706"/>
        </a:xfrm>
        <a:prstGeom prst="roundRect">
          <a:avLst/>
        </a:prstGeom>
        <a:solidFill>
          <a:srgbClr val="00B0F0"/>
        </a:solid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b="1">
              <a:solidFill>
                <a:schemeClr val="tx1"/>
              </a:solidFill>
            </a:rPr>
            <a:t>※</a:t>
          </a:r>
          <a:r>
            <a:rPr kumimoji="1" lang="ja-JP" altLang="en-US" sz="1600" b="1">
              <a:solidFill>
                <a:schemeClr val="tx1"/>
              </a:solidFill>
            </a:rPr>
            <a:t>手順３は「シートの保護」をかけていません。</a:t>
          </a:r>
          <a:endParaRPr kumimoji="0" lang="en-US" altLang="ja-JP" sz="1100" b="1" i="0" u="none" strike="noStrike">
            <a:solidFill>
              <a:schemeClr val="lt1"/>
            </a:solidFill>
            <a:effectLst/>
            <a:latin typeface="+mn-lt"/>
            <a:ea typeface="+mn-ea"/>
            <a:cs typeface="+mn-cs"/>
          </a:endParaRPr>
        </a:p>
        <a:p>
          <a:pPr algn="l"/>
          <a:r>
            <a:rPr kumimoji="1" lang="ja-JP" altLang="en-US" sz="1600" b="1">
              <a:solidFill>
                <a:schemeClr val="tx1"/>
              </a:solidFill>
            </a:rPr>
            <a:t>誤って、「指導と評価の機会」を消してしまわないよう、ご注意ください。</a:t>
          </a:r>
        </a:p>
      </xdr:txBody>
    </xdr:sp>
    <xdr:clientData/>
  </xdr:twoCellAnchor>
  <xdr:twoCellAnchor editAs="oneCell">
    <xdr:from>
      <xdr:col>27</xdr:col>
      <xdr:colOff>217716</xdr:colOff>
      <xdr:row>12</xdr:row>
      <xdr:rowOff>231152</xdr:rowOff>
    </xdr:from>
    <xdr:to>
      <xdr:col>35</xdr:col>
      <xdr:colOff>54429</xdr:colOff>
      <xdr:row>20</xdr:row>
      <xdr:rowOff>172358</xdr:rowOff>
    </xdr:to>
    <xdr:pic>
      <xdr:nvPicPr>
        <xdr:cNvPr id="18" name="図 17"/>
        <xdr:cNvPicPr>
          <a:picLocks noChangeAspect="1"/>
        </xdr:cNvPicPr>
      </xdr:nvPicPr>
      <xdr:blipFill rotWithShape="1">
        <a:blip xmlns:r="http://schemas.openxmlformats.org/officeDocument/2006/relationships" r:embed="rId1"/>
        <a:srcRect l="26312" t="39271" r="28723" b="32684"/>
        <a:stretch/>
      </xdr:blipFill>
      <xdr:spPr>
        <a:xfrm>
          <a:off x="11348359" y="6934938"/>
          <a:ext cx="5134427" cy="2263491"/>
        </a:xfrm>
        <a:prstGeom prst="rect">
          <a:avLst/>
        </a:prstGeom>
      </xdr:spPr>
    </xdr:pic>
    <xdr:clientData/>
  </xdr:twoCellAnchor>
  <xdr:twoCellAnchor>
    <xdr:from>
      <xdr:col>27</xdr:col>
      <xdr:colOff>281165</xdr:colOff>
      <xdr:row>9</xdr:row>
      <xdr:rowOff>282421</xdr:rowOff>
    </xdr:from>
    <xdr:to>
      <xdr:col>35</xdr:col>
      <xdr:colOff>54429</xdr:colOff>
      <xdr:row>12</xdr:row>
      <xdr:rowOff>177228</xdr:rowOff>
    </xdr:to>
    <xdr:sp macro="" textlink="">
      <xdr:nvSpPr>
        <xdr:cNvPr id="19" name="角丸四角形 18"/>
        <xdr:cNvSpPr/>
      </xdr:nvSpPr>
      <xdr:spPr>
        <a:xfrm>
          <a:off x="11444465" y="6118071"/>
          <a:ext cx="5056464" cy="771107"/>
        </a:xfrm>
        <a:prstGeom prst="round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例：内容のまとまり「</a:t>
          </a:r>
          <a:r>
            <a:rPr kumimoji="1" lang="en-US" altLang="ja-JP" sz="1400">
              <a:solidFill>
                <a:schemeClr val="tx1"/>
              </a:solidFill>
            </a:rPr>
            <a:t>E</a:t>
          </a:r>
          <a:r>
            <a:rPr kumimoji="1" lang="ja-JP" altLang="en-US" sz="1400">
              <a:solidFill>
                <a:schemeClr val="tx1"/>
              </a:solidFill>
            </a:rPr>
            <a:t>　球技（第１学年及び第２学年）」</a:t>
          </a:r>
          <a:endParaRPr kumimoji="1" lang="en-US" altLang="ja-JP" sz="1400">
            <a:solidFill>
              <a:schemeClr val="tx1"/>
            </a:solidFill>
          </a:endParaRPr>
        </a:p>
        <a:p>
          <a:pPr algn="l"/>
          <a:r>
            <a:rPr kumimoji="1" lang="ja-JP" altLang="en-US" sz="1400">
              <a:solidFill>
                <a:schemeClr val="tx1"/>
              </a:solidFill>
            </a:rPr>
            <a:t>　　単元名：ア　ゴール型：サッカー</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27</xdr:col>
      <xdr:colOff>306918</xdr:colOff>
      <xdr:row>5</xdr:row>
      <xdr:rowOff>203686</xdr:rowOff>
    </xdr:from>
    <xdr:to>
      <xdr:col>28</xdr:col>
      <xdr:colOff>637520</xdr:colOff>
      <xdr:row>8</xdr:row>
      <xdr:rowOff>213037</xdr:rowOff>
    </xdr:to>
    <xdr:sp macro="" textlink="">
      <xdr:nvSpPr>
        <xdr:cNvPr id="8" name="正方形/長方形 7"/>
        <xdr:cNvSpPr/>
      </xdr:nvSpPr>
      <xdr:spPr>
        <a:xfrm>
          <a:off x="11470218" y="4870936"/>
          <a:ext cx="991002" cy="885651"/>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a:t>
          </a:r>
        </a:p>
      </xdr:txBody>
    </xdr:sp>
    <xdr:clientData/>
  </xdr:twoCellAnchor>
  <xdr:twoCellAnchor>
    <xdr:from>
      <xdr:col>29</xdr:col>
      <xdr:colOff>10685</xdr:colOff>
      <xdr:row>5</xdr:row>
      <xdr:rowOff>276262</xdr:rowOff>
    </xdr:from>
    <xdr:to>
      <xdr:col>30</xdr:col>
      <xdr:colOff>92223</xdr:colOff>
      <xdr:row>8</xdr:row>
      <xdr:rowOff>130549</xdr:rowOff>
    </xdr:to>
    <xdr:sp macro="" textlink="">
      <xdr:nvSpPr>
        <xdr:cNvPr id="9" name="左矢印 8"/>
        <xdr:cNvSpPr/>
      </xdr:nvSpPr>
      <xdr:spPr>
        <a:xfrm>
          <a:off x="12494785" y="4943512"/>
          <a:ext cx="741938" cy="730587"/>
        </a:xfrm>
        <a:prstGeom prst="leftArrow">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182938</xdr:colOff>
      <xdr:row>6</xdr:row>
      <xdr:rowOff>4116</xdr:rowOff>
    </xdr:from>
    <xdr:to>
      <xdr:col>33</xdr:col>
      <xdr:colOff>276672</xdr:colOff>
      <xdr:row>8</xdr:row>
      <xdr:rowOff>58731</xdr:rowOff>
    </xdr:to>
    <xdr:sp macro="" textlink="">
      <xdr:nvSpPr>
        <xdr:cNvPr id="16" name="角丸四角形 15"/>
        <xdr:cNvSpPr/>
      </xdr:nvSpPr>
      <xdr:spPr>
        <a:xfrm>
          <a:off x="13327438" y="4963466"/>
          <a:ext cx="2074934" cy="638815"/>
        </a:xfrm>
        <a:prstGeom prst="roundRect">
          <a:avLst/>
        </a:prstGeom>
        <a:solidFill>
          <a:schemeClr val="bg1">
            <a:lumMod val="8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左の枠を用いて、学習の流れ（学習過程）を作成しよう</a:t>
          </a:r>
        </a:p>
      </xdr:txBody>
    </xdr:sp>
    <xdr:clientData/>
  </xdr:twoCellAnchor>
  <xdr:twoCellAnchor>
    <xdr:from>
      <xdr:col>27</xdr:col>
      <xdr:colOff>289279</xdr:colOff>
      <xdr:row>3</xdr:row>
      <xdr:rowOff>117929</xdr:rowOff>
    </xdr:from>
    <xdr:to>
      <xdr:col>34</xdr:col>
      <xdr:colOff>417287</xdr:colOff>
      <xdr:row>5</xdr:row>
      <xdr:rowOff>36285</xdr:rowOff>
    </xdr:to>
    <xdr:sp macro="" textlink="">
      <xdr:nvSpPr>
        <xdr:cNvPr id="17" name="角丸四角形 16"/>
        <xdr:cNvSpPr/>
      </xdr:nvSpPr>
      <xdr:spPr>
        <a:xfrm>
          <a:off x="11452579" y="3381829"/>
          <a:ext cx="4750808" cy="1321706"/>
        </a:xfrm>
        <a:prstGeom prst="roundRect">
          <a:avLst/>
        </a:prstGeom>
        <a:solidFill>
          <a:srgbClr val="00B0F0"/>
        </a:solid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b="1">
              <a:solidFill>
                <a:schemeClr val="tx1"/>
              </a:solidFill>
            </a:rPr>
            <a:t>※</a:t>
          </a:r>
          <a:r>
            <a:rPr kumimoji="1" lang="ja-JP" altLang="en-US" sz="1600" b="1">
              <a:solidFill>
                <a:schemeClr val="tx1"/>
              </a:solidFill>
            </a:rPr>
            <a:t>手順３は「シートの保護」をかけていません。</a:t>
          </a:r>
          <a:endParaRPr kumimoji="0" lang="en-US" altLang="ja-JP" sz="1100" b="1" i="0" u="none" strike="noStrike">
            <a:solidFill>
              <a:schemeClr val="lt1"/>
            </a:solidFill>
            <a:effectLst/>
            <a:latin typeface="+mn-lt"/>
            <a:ea typeface="+mn-ea"/>
            <a:cs typeface="+mn-cs"/>
          </a:endParaRPr>
        </a:p>
        <a:p>
          <a:pPr algn="l"/>
          <a:r>
            <a:rPr kumimoji="1" lang="ja-JP" altLang="en-US" sz="1600" b="1">
              <a:solidFill>
                <a:schemeClr val="tx1"/>
              </a:solidFill>
            </a:rPr>
            <a:t>誤って、「指導と評価の機会」を消してしまわないよう、ご注意ください。</a:t>
          </a:r>
        </a:p>
      </xdr:txBody>
    </xdr:sp>
    <xdr:clientData/>
  </xdr:twoCellAnchor>
  <xdr:twoCellAnchor editAs="oneCell">
    <xdr:from>
      <xdr:col>27</xdr:col>
      <xdr:colOff>217716</xdr:colOff>
      <xdr:row>12</xdr:row>
      <xdr:rowOff>231152</xdr:rowOff>
    </xdr:from>
    <xdr:to>
      <xdr:col>35</xdr:col>
      <xdr:colOff>54429</xdr:colOff>
      <xdr:row>20</xdr:row>
      <xdr:rowOff>36286</xdr:rowOff>
    </xdr:to>
    <xdr:pic>
      <xdr:nvPicPr>
        <xdr:cNvPr id="18" name="図 17"/>
        <xdr:cNvPicPr>
          <a:picLocks noChangeAspect="1"/>
        </xdr:cNvPicPr>
      </xdr:nvPicPr>
      <xdr:blipFill rotWithShape="1">
        <a:blip xmlns:r="http://schemas.openxmlformats.org/officeDocument/2006/relationships" r:embed="rId1"/>
        <a:srcRect l="26312" t="39271" r="28723" b="32684"/>
        <a:stretch/>
      </xdr:blipFill>
      <xdr:spPr>
        <a:xfrm>
          <a:off x="11348359" y="6934938"/>
          <a:ext cx="5134427" cy="2127419"/>
        </a:xfrm>
        <a:prstGeom prst="rect">
          <a:avLst/>
        </a:prstGeom>
      </xdr:spPr>
    </xdr:pic>
    <xdr:clientData/>
  </xdr:twoCellAnchor>
  <xdr:twoCellAnchor>
    <xdr:from>
      <xdr:col>27</xdr:col>
      <xdr:colOff>281165</xdr:colOff>
      <xdr:row>9</xdr:row>
      <xdr:rowOff>282421</xdr:rowOff>
    </xdr:from>
    <xdr:to>
      <xdr:col>35</xdr:col>
      <xdr:colOff>54429</xdr:colOff>
      <xdr:row>12</xdr:row>
      <xdr:rowOff>177228</xdr:rowOff>
    </xdr:to>
    <xdr:sp macro="" textlink="">
      <xdr:nvSpPr>
        <xdr:cNvPr id="19" name="角丸四角形 18"/>
        <xdr:cNvSpPr/>
      </xdr:nvSpPr>
      <xdr:spPr>
        <a:xfrm>
          <a:off x="11444465" y="6118071"/>
          <a:ext cx="5056464" cy="771107"/>
        </a:xfrm>
        <a:prstGeom prst="round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例：内容のまとまり「</a:t>
          </a:r>
          <a:r>
            <a:rPr kumimoji="1" lang="en-US" altLang="ja-JP" sz="1400">
              <a:solidFill>
                <a:schemeClr val="tx1"/>
              </a:solidFill>
            </a:rPr>
            <a:t>E</a:t>
          </a:r>
          <a:r>
            <a:rPr kumimoji="1" lang="ja-JP" altLang="en-US" sz="1400">
              <a:solidFill>
                <a:schemeClr val="tx1"/>
              </a:solidFill>
            </a:rPr>
            <a:t>　球技（第１学年及び第２学年）」</a:t>
          </a:r>
          <a:endParaRPr kumimoji="1" lang="en-US" altLang="ja-JP" sz="1400">
            <a:solidFill>
              <a:schemeClr val="tx1"/>
            </a:solidFill>
          </a:endParaRPr>
        </a:p>
        <a:p>
          <a:pPr algn="l"/>
          <a:r>
            <a:rPr kumimoji="1" lang="ja-JP" altLang="en-US" sz="1400">
              <a:solidFill>
                <a:schemeClr val="tx1"/>
              </a:solidFill>
            </a:rPr>
            <a:t>　　単元名：ア　ゴール型：サッカー</a:t>
          </a: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27</xdr:col>
      <xdr:colOff>306918</xdr:colOff>
      <xdr:row>5</xdr:row>
      <xdr:rowOff>203686</xdr:rowOff>
    </xdr:from>
    <xdr:to>
      <xdr:col>28</xdr:col>
      <xdr:colOff>637520</xdr:colOff>
      <xdr:row>8</xdr:row>
      <xdr:rowOff>213037</xdr:rowOff>
    </xdr:to>
    <xdr:sp macro="" textlink="">
      <xdr:nvSpPr>
        <xdr:cNvPr id="8" name="正方形/長方形 7"/>
        <xdr:cNvSpPr/>
      </xdr:nvSpPr>
      <xdr:spPr>
        <a:xfrm>
          <a:off x="11470218" y="4870936"/>
          <a:ext cx="991002" cy="885651"/>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a:t>
          </a:r>
        </a:p>
      </xdr:txBody>
    </xdr:sp>
    <xdr:clientData/>
  </xdr:twoCellAnchor>
  <xdr:twoCellAnchor>
    <xdr:from>
      <xdr:col>29</xdr:col>
      <xdr:colOff>10685</xdr:colOff>
      <xdr:row>5</xdr:row>
      <xdr:rowOff>276262</xdr:rowOff>
    </xdr:from>
    <xdr:to>
      <xdr:col>30</xdr:col>
      <xdr:colOff>92223</xdr:colOff>
      <xdr:row>8</xdr:row>
      <xdr:rowOff>130549</xdr:rowOff>
    </xdr:to>
    <xdr:sp macro="" textlink="">
      <xdr:nvSpPr>
        <xdr:cNvPr id="9" name="左矢印 8"/>
        <xdr:cNvSpPr/>
      </xdr:nvSpPr>
      <xdr:spPr>
        <a:xfrm>
          <a:off x="12494785" y="4943512"/>
          <a:ext cx="741938" cy="730587"/>
        </a:xfrm>
        <a:prstGeom prst="leftArrow">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182938</xdr:colOff>
      <xdr:row>6</xdr:row>
      <xdr:rowOff>4116</xdr:rowOff>
    </xdr:from>
    <xdr:to>
      <xdr:col>33</xdr:col>
      <xdr:colOff>276672</xdr:colOff>
      <xdr:row>8</xdr:row>
      <xdr:rowOff>58731</xdr:rowOff>
    </xdr:to>
    <xdr:sp macro="" textlink="">
      <xdr:nvSpPr>
        <xdr:cNvPr id="16" name="角丸四角形 15"/>
        <xdr:cNvSpPr/>
      </xdr:nvSpPr>
      <xdr:spPr>
        <a:xfrm>
          <a:off x="13327438" y="4963466"/>
          <a:ext cx="2074934" cy="638815"/>
        </a:xfrm>
        <a:prstGeom prst="roundRect">
          <a:avLst/>
        </a:prstGeom>
        <a:solidFill>
          <a:schemeClr val="bg1">
            <a:lumMod val="8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左の枠を用いて、学習の流れ（学習過程）を作成しよう</a:t>
          </a:r>
        </a:p>
      </xdr:txBody>
    </xdr:sp>
    <xdr:clientData/>
  </xdr:twoCellAnchor>
  <xdr:twoCellAnchor>
    <xdr:from>
      <xdr:col>27</xdr:col>
      <xdr:colOff>289279</xdr:colOff>
      <xdr:row>3</xdr:row>
      <xdr:rowOff>117929</xdr:rowOff>
    </xdr:from>
    <xdr:to>
      <xdr:col>34</xdr:col>
      <xdr:colOff>417287</xdr:colOff>
      <xdr:row>5</xdr:row>
      <xdr:rowOff>36285</xdr:rowOff>
    </xdr:to>
    <xdr:sp macro="" textlink="">
      <xdr:nvSpPr>
        <xdr:cNvPr id="17" name="角丸四角形 16"/>
        <xdr:cNvSpPr/>
      </xdr:nvSpPr>
      <xdr:spPr>
        <a:xfrm>
          <a:off x="11452579" y="3381829"/>
          <a:ext cx="4750808" cy="1321706"/>
        </a:xfrm>
        <a:prstGeom prst="roundRect">
          <a:avLst/>
        </a:prstGeom>
        <a:solidFill>
          <a:srgbClr val="00B0F0"/>
        </a:solid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b="1">
              <a:solidFill>
                <a:schemeClr val="tx1"/>
              </a:solidFill>
            </a:rPr>
            <a:t>※</a:t>
          </a:r>
          <a:r>
            <a:rPr kumimoji="1" lang="ja-JP" altLang="en-US" sz="1600" b="1">
              <a:solidFill>
                <a:schemeClr val="tx1"/>
              </a:solidFill>
            </a:rPr>
            <a:t>手順３は「シートの保護」をかけていません。</a:t>
          </a:r>
          <a:endParaRPr kumimoji="0" lang="en-US" altLang="ja-JP" sz="1100" b="1" i="0" u="none" strike="noStrike">
            <a:solidFill>
              <a:schemeClr val="lt1"/>
            </a:solidFill>
            <a:effectLst/>
            <a:latin typeface="+mn-lt"/>
            <a:ea typeface="+mn-ea"/>
            <a:cs typeface="+mn-cs"/>
          </a:endParaRPr>
        </a:p>
        <a:p>
          <a:pPr algn="l"/>
          <a:r>
            <a:rPr kumimoji="1" lang="ja-JP" altLang="en-US" sz="1600" b="1">
              <a:solidFill>
                <a:schemeClr val="tx1"/>
              </a:solidFill>
            </a:rPr>
            <a:t>誤って、「指導と評価の機会」を消してしまわないよう、ご注意ください。</a:t>
          </a:r>
        </a:p>
      </xdr:txBody>
    </xdr:sp>
    <xdr:clientData/>
  </xdr:twoCellAnchor>
  <xdr:twoCellAnchor editAs="oneCell">
    <xdr:from>
      <xdr:col>27</xdr:col>
      <xdr:colOff>217716</xdr:colOff>
      <xdr:row>12</xdr:row>
      <xdr:rowOff>231152</xdr:rowOff>
    </xdr:from>
    <xdr:to>
      <xdr:col>35</xdr:col>
      <xdr:colOff>54429</xdr:colOff>
      <xdr:row>20</xdr:row>
      <xdr:rowOff>172358</xdr:rowOff>
    </xdr:to>
    <xdr:pic>
      <xdr:nvPicPr>
        <xdr:cNvPr id="18" name="図 17"/>
        <xdr:cNvPicPr>
          <a:picLocks noChangeAspect="1"/>
        </xdr:cNvPicPr>
      </xdr:nvPicPr>
      <xdr:blipFill rotWithShape="1">
        <a:blip xmlns:r="http://schemas.openxmlformats.org/officeDocument/2006/relationships" r:embed="rId1"/>
        <a:srcRect l="26312" t="39271" r="28723" b="32684"/>
        <a:stretch/>
      </xdr:blipFill>
      <xdr:spPr>
        <a:xfrm>
          <a:off x="11348359" y="6934938"/>
          <a:ext cx="5134427" cy="2263491"/>
        </a:xfrm>
        <a:prstGeom prst="rect">
          <a:avLst/>
        </a:prstGeom>
      </xdr:spPr>
    </xdr:pic>
    <xdr:clientData/>
  </xdr:twoCellAnchor>
  <xdr:twoCellAnchor>
    <xdr:from>
      <xdr:col>27</xdr:col>
      <xdr:colOff>281165</xdr:colOff>
      <xdr:row>9</xdr:row>
      <xdr:rowOff>282421</xdr:rowOff>
    </xdr:from>
    <xdr:to>
      <xdr:col>35</xdr:col>
      <xdr:colOff>54429</xdr:colOff>
      <xdr:row>12</xdr:row>
      <xdr:rowOff>177228</xdr:rowOff>
    </xdr:to>
    <xdr:sp macro="" textlink="">
      <xdr:nvSpPr>
        <xdr:cNvPr id="19" name="角丸四角形 18"/>
        <xdr:cNvSpPr/>
      </xdr:nvSpPr>
      <xdr:spPr>
        <a:xfrm>
          <a:off x="11444465" y="6118071"/>
          <a:ext cx="5056464" cy="771107"/>
        </a:xfrm>
        <a:prstGeom prst="round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例：内容のまとまり「</a:t>
          </a:r>
          <a:r>
            <a:rPr kumimoji="1" lang="en-US" altLang="ja-JP" sz="1400">
              <a:solidFill>
                <a:schemeClr val="tx1"/>
              </a:solidFill>
            </a:rPr>
            <a:t>E</a:t>
          </a:r>
          <a:r>
            <a:rPr kumimoji="1" lang="ja-JP" altLang="en-US" sz="1400">
              <a:solidFill>
                <a:schemeClr val="tx1"/>
              </a:solidFill>
            </a:rPr>
            <a:t>　球技（第１学年及び第２学年）」</a:t>
          </a:r>
          <a:endParaRPr kumimoji="1" lang="en-US" altLang="ja-JP" sz="1400">
            <a:solidFill>
              <a:schemeClr val="tx1"/>
            </a:solidFill>
          </a:endParaRPr>
        </a:p>
        <a:p>
          <a:pPr algn="l"/>
          <a:r>
            <a:rPr kumimoji="1" lang="ja-JP" altLang="en-US" sz="1400">
              <a:solidFill>
                <a:schemeClr val="tx1"/>
              </a:solidFill>
            </a:rPr>
            <a:t>　　単元名：ア　ゴール型：サッカー</a:t>
          </a:r>
        </a:p>
      </xdr:txBody>
    </xdr:sp>
    <xdr:clientData/>
  </xdr:twoCellAnchor>
</xdr:wsDr>
</file>

<file path=xl/drawings/drawing4.xml><?xml version="1.0" encoding="utf-8"?>
<xdr:wsDr xmlns:xdr="http://schemas.openxmlformats.org/drawingml/2006/spreadsheetDrawing" xmlns:a="http://schemas.openxmlformats.org/drawingml/2006/main">
  <xdr:twoCellAnchor>
    <xdr:from>
      <xdr:col>27</xdr:col>
      <xdr:colOff>306918</xdr:colOff>
      <xdr:row>5</xdr:row>
      <xdr:rowOff>203686</xdr:rowOff>
    </xdr:from>
    <xdr:to>
      <xdr:col>28</xdr:col>
      <xdr:colOff>637520</xdr:colOff>
      <xdr:row>8</xdr:row>
      <xdr:rowOff>213037</xdr:rowOff>
    </xdr:to>
    <xdr:sp macro="" textlink="">
      <xdr:nvSpPr>
        <xdr:cNvPr id="8" name="正方形/長方形 7"/>
        <xdr:cNvSpPr/>
      </xdr:nvSpPr>
      <xdr:spPr>
        <a:xfrm>
          <a:off x="11470218" y="4870936"/>
          <a:ext cx="991002" cy="885651"/>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a:t>
          </a:r>
        </a:p>
      </xdr:txBody>
    </xdr:sp>
    <xdr:clientData/>
  </xdr:twoCellAnchor>
  <xdr:twoCellAnchor>
    <xdr:from>
      <xdr:col>29</xdr:col>
      <xdr:colOff>10685</xdr:colOff>
      <xdr:row>5</xdr:row>
      <xdr:rowOff>276262</xdr:rowOff>
    </xdr:from>
    <xdr:to>
      <xdr:col>30</xdr:col>
      <xdr:colOff>92223</xdr:colOff>
      <xdr:row>8</xdr:row>
      <xdr:rowOff>130549</xdr:rowOff>
    </xdr:to>
    <xdr:sp macro="" textlink="">
      <xdr:nvSpPr>
        <xdr:cNvPr id="9" name="左矢印 8"/>
        <xdr:cNvSpPr/>
      </xdr:nvSpPr>
      <xdr:spPr>
        <a:xfrm>
          <a:off x="12494785" y="4943512"/>
          <a:ext cx="741938" cy="730587"/>
        </a:xfrm>
        <a:prstGeom prst="leftArrow">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182938</xdr:colOff>
      <xdr:row>6</xdr:row>
      <xdr:rowOff>4116</xdr:rowOff>
    </xdr:from>
    <xdr:to>
      <xdr:col>33</xdr:col>
      <xdr:colOff>276672</xdr:colOff>
      <xdr:row>8</xdr:row>
      <xdr:rowOff>58731</xdr:rowOff>
    </xdr:to>
    <xdr:sp macro="" textlink="">
      <xdr:nvSpPr>
        <xdr:cNvPr id="16" name="角丸四角形 15"/>
        <xdr:cNvSpPr/>
      </xdr:nvSpPr>
      <xdr:spPr>
        <a:xfrm>
          <a:off x="13327438" y="4963466"/>
          <a:ext cx="2074934" cy="638815"/>
        </a:xfrm>
        <a:prstGeom prst="roundRect">
          <a:avLst/>
        </a:prstGeom>
        <a:solidFill>
          <a:schemeClr val="bg1">
            <a:lumMod val="8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左の枠を用いて、学習の流れ（学習過程）を作成しよう</a:t>
          </a:r>
        </a:p>
      </xdr:txBody>
    </xdr:sp>
    <xdr:clientData/>
  </xdr:twoCellAnchor>
  <xdr:twoCellAnchor>
    <xdr:from>
      <xdr:col>27</xdr:col>
      <xdr:colOff>289279</xdr:colOff>
      <xdr:row>3</xdr:row>
      <xdr:rowOff>117929</xdr:rowOff>
    </xdr:from>
    <xdr:to>
      <xdr:col>34</xdr:col>
      <xdr:colOff>417287</xdr:colOff>
      <xdr:row>5</xdr:row>
      <xdr:rowOff>36285</xdr:rowOff>
    </xdr:to>
    <xdr:sp macro="" textlink="">
      <xdr:nvSpPr>
        <xdr:cNvPr id="17" name="角丸四角形 16"/>
        <xdr:cNvSpPr/>
      </xdr:nvSpPr>
      <xdr:spPr>
        <a:xfrm>
          <a:off x="11452579" y="3381829"/>
          <a:ext cx="4750808" cy="1321706"/>
        </a:xfrm>
        <a:prstGeom prst="roundRect">
          <a:avLst/>
        </a:prstGeom>
        <a:solidFill>
          <a:srgbClr val="00B0F0"/>
        </a:solid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b="1">
              <a:solidFill>
                <a:schemeClr val="tx1"/>
              </a:solidFill>
            </a:rPr>
            <a:t>※</a:t>
          </a:r>
          <a:r>
            <a:rPr kumimoji="1" lang="ja-JP" altLang="en-US" sz="1600" b="1">
              <a:solidFill>
                <a:schemeClr val="tx1"/>
              </a:solidFill>
            </a:rPr>
            <a:t>手順３は「シートの保護」をかけていません。</a:t>
          </a:r>
          <a:endParaRPr kumimoji="0" lang="en-US" altLang="ja-JP" sz="1100" b="1" i="0" u="none" strike="noStrike">
            <a:solidFill>
              <a:schemeClr val="lt1"/>
            </a:solidFill>
            <a:effectLst/>
            <a:latin typeface="+mn-lt"/>
            <a:ea typeface="+mn-ea"/>
            <a:cs typeface="+mn-cs"/>
          </a:endParaRPr>
        </a:p>
        <a:p>
          <a:pPr algn="l"/>
          <a:r>
            <a:rPr kumimoji="1" lang="ja-JP" altLang="en-US" sz="1600" b="1">
              <a:solidFill>
                <a:schemeClr val="tx1"/>
              </a:solidFill>
            </a:rPr>
            <a:t>誤って、「指導と評価の機会」を消してしまわないよう、ご注意ください。</a:t>
          </a:r>
        </a:p>
      </xdr:txBody>
    </xdr:sp>
    <xdr:clientData/>
  </xdr:twoCellAnchor>
  <xdr:twoCellAnchor editAs="oneCell">
    <xdr:from>
      <xdr:col>27</xdr:col>
      <xdr:colOff>217716</xdr:colOff>
      <xdr:row>12</xdr:row>
      <xdr:rowOff>231153</xdr:rowOff>
    </xdr:from>
    <xdr:to>
      <xdr:col>35</xdr:col>
      <xdr:colOff>54429</xdr:colOff>
      <xdr:row>20</xdr:row>
      <xdr:rowOff>154216</xdr:rowOff>
    </xdr:to>
    <xdr:pic>
      <xdr:nvPicPr>
        <xdr:cNvPr id="18" name="図 17"/>
        <xdr:cNvPicPr>
          <a:picLocks noChangeAspect="1"/>
        </xdr:cNvPicPr>
      </xdr:nvPicPr>
      <xdr:blipFill rotWithShape="1">
        <a:blip xmlns:r="http://schemas.openxmlformats.org/officeDocument/2006/relationships" r:embed="rId1"/>
        <a:srcRect l="26312" t="39271" r="28723" b="32684"/>
        <a:stretch/>
      </xdr:blipFill>
      <xdr:spPr>
        <a:xfrm>
          <a:off x="11348359" y="6934939"/>
          <a:ext cx="5134427" cy="2245348"/>
        </a:xfrm>
        <a:prstGeom prst="rect">
          <a:avLst/>
        </a:prstGeom>
      </xdr:spPr>
    </xdr:pic>
    <xdr:clientData/>
  </xdr:twoCellAnchor>
  <xdr:twoCellAnchor>
    <xdr:from>
      <xdr:col>27</xdr:col>
      <xdr:colOff>281165</xdr:colOff>
      <xdr:row>9</xdr:row>
      <xdr:rowOff>282421</xdr:rowOff>
    </xdr:from>
    <xdr:to>
      <xdr:col>35</xdr:col>
      <xdr:colOff>54429</xdr:colOff>
      <xdr:row>12</xdr:row>
      <xdr:rowOff>177228</xdr:rowOff>
    </xdr:to>
    <xdr:sp macro="" textlink="">
      <xdr:nvSpPr>
        <xdr:cNvPr id="19" name="角丸四角形 18"/>
        <xdr:cNvSpPr/>
      </xdr:nvSpPr>
      <xdr:spPr>
        <a:xfrm>
          <a:off x="11444465" y="6118071"/>
          <a:ext cx="5056464" cy="771107"/>
        </a:xfrm>
        <a:prstGeom prst="round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例：内容のまとまり「</a:t>
          </a:r>
          <a:r>
            <a:rPr kumimoji="1" lang="en-US" altLang="ja-JP" sz="1400">
              <a:solidFill>
                <a:schemeClr val="tx1"/>
              </a:solidFill>
            </a:rPr>
            <a:t>E</a:t>
          </a:r>
          <a:r>
            <a:rPr kumimoji="1" lang="ja-JP" altLang="en-US" sz="1400">
              <a:solidFill>
                <a:schemeClr val="tx1"/>
              </a:solidFill>
            </a:rPr>
            <a:t>　球技（第１学年及び第２学年）」</a:t>
          </a:r>
          <a:endParaRPr kumimoji="1" lang="en-US" altLang="ja-JP" sz="1400">
            <a:solidFill>
              <a:schemeClr val="tx1"/>
            </a:solidFill>
          </a:endParaRPr>
        </a:p>
        <a:p>
          <a:pPr algn="l"/>
          <a:r>
            <a:rPr kumimoji="1" lang="ja-JP" altLang="en-US" sz="1400">
              <a:solidFill>
                <a:schemeClr val="tx1"/>
              </a:solidFill>
            </a:rPr>
            <a:t>　　単元名：ア　ゴール型：サッカー</a:t>
          </a:r>
        </a:p>
      </xdr:txBody>
    </xdr:sp>
    <xdr:clientData/>
  </xdr:twoCellAnchor>
</xdr:wsDr>
</file>

<file path=xl/drawings/drawing5.xml><?xml version="1.0" encoding="utf-8"?>
<xdr:wsDr xmlns:xdr="http://schemas.openxmlformats.org/drawingml/2006/spreadsheetDrawing" xmlns:a="http://schemas.openxmlformats.org/drawingml/2006/main">
  <xdr:twoCellAnchor>
    <xdr:from>
      <xdr:col>27</xdr:col>
      <xdr:colOff>306918</xdr:colOff>
      <xdr:row>5</xdr:row>
      <xdr:rowOff>203686</xdr:rowOff>
    </xdr:from>
    <xdr:to>
      <xdr:col>28</xdr:col>
      <xdr:colOff>637520</xdr:colOff>
      <xdr:row>8</xdr:row>
      <xdr:rowOff>213037</xdr:rowOff>
    </xdr:to>
    <xdr:sp macro="" textlink="">
      <xdr:nvSpPr>
        <xdr:cNvPr id="2" name="正方形/長方形 1"/>
        <xdr:cNvSpPr/>
      </xdr:nvSpPr>
      <xdr:spPr>
        <a:xfrm>
          <a:off x="11470218" y="4870936"/>
          <a:ext cx="991002" cy="885651"/>
        </a:xfrm>
        <a:prstGeom prst="rect">
          <a:avLst/>
        </a:prstGeom>
        <a:solidFill>
          <a:schemeClr val="bg1"/>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a:t>
          </a:r>
        </a:p>
      </xdr:txBody>
    </xdr:sp>
    <xdr:clientData/>
  </xdr:twoCellAnchor>
  <xdr:twoCellAnchor>
    <xdr:from>
      <xdr:col>29</xdr:col>
      <xdr:colOff>10685</xdr:colOff>
      <xdr:row>5</xdr:row>
      <xdr:rowOff>276262</xdr:rowOff>
    </xdr:from>
    <xdr:to>
      <xdr:col>30</xdr:col>
      <xdr:colOff>92223</xdr:colOff>
      <xdr:row>8</xdr:row>
      <xdr:rowOff>130549</xdr:rowOff>
    </xdr:to>
    <xdr:sp macro="" textlink="">
      <xdr:nvSpPr>
        <xdr:cNvPr id="3" name="左矢印 2"/>
        <xdr:cNvSpPr/>
      </xdr:nvSpPr>
      <xdr:spPr>
        <a:xfrm>
          <a:off x="12494785" y="4943512"/>
          <a:ext cx="741938" cy="730587"/>
        </a:xfrm>
        <a:prstGeom prst="leftArrow">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0</xdr:col>
      <xdr:colOff>182938</xdr:colOff>
      <xdr:row>6</xdr:row>
      <xdr:rowOff>4116</xdr:rowOff>
    </xdr:from>
    <xdr:to>
      <xdr:col>33</xdr:col>
      <xdr:colOff>276672</xdr:colOff>
      <xdr:row>8</xdr:row>
      <xdr:rowOff>58731</xdr:rowOff>
    </xdr:to>
    <xdr:sp macro="" textlink="">
      <xdr:nvSpPr>
        <xdr:cNvPr id="4" name="角丸四角形 3"/>
        <xdr:cNvSpPr/>
      </xdr:nvSpPr>
      <xdr:spPr>
        <a:xfrm>
          <a:off x="13327438" y="4963466"/>
          <a:ext cx="2074934" cy="638815"/>
        </a:xfrm>
        <a:prstGeom prst="roundRect">
          <a:avLst/>
        </a:prstGeom>
        <a:solidFill>
          <a:schemeClr val="bg1">
            <a:lumMod val="85000"/>
          </a:schemeClr>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chemeClr val="tx1"/>
              </a:solidFill>
            </a:rPr>
            <a:t>左の枠を用いて、学習の流れ（学習過程）を作成しよう</a:t>
          </a:r>
        </a:p>
      </xdr:txBody>
    </xdr:sp>
    <xdr:clientData/>
  </xdr:twoCellAnchor>
  <xdr:twoCellAnchor>
    <xdr:from>
      <xdr:col>27</xdr:col>
      <xdr:colOff>289279</xdr:colOff>
      <xdr:row>3</xdr:row>
      <xdr:rowOff>117929</xdr:rowOff>
    </xdr:from>
    <xdr:to>
      <xdr:col>34</xdr:col>
      <xdr:colOff>417287</xdr:colOff>
      <xdr:row>5</xdr:row>
      <xdr:rowOff>36285</xdr:rowOff>
    </xdr:to>
    <xdr:sp macro="" textlink="">
      <xdr:nvSpPr>
        <xdr:cNvPr id="5" name="角丸四角形 4"/>
        <xdr:cNvSpPr/>
      </xdr:nvSpPr>
      <xdr:spPr>
        <a:xfrm>
          <a:off x="11452579" y="3381829"/>
          <a:ext cx="4750808" cy="1321706"/>
        </a:xfrm>
        <a:prstGeom prst="roundRect">
          <a:avLst/>
        </a:prstGeom>
        <a:solidFill>
          <a:srgbClr val="00B0F0"/>
        </a:solidFill>
        <a:ln w="571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en-US" altLang="ja-JP" sz="1600" b="1">
              <a:solidFill>
                <a:schemeClr val="tx1"/>
              </a:solidFill>
            </a:rPr>
            <a:t>※</a:t>
          </a:r>
          <a:r>
            <a:rPr kumimoji="1" lang="ja-JP" altLang="en-US" sz="1600" b="1">
              <a:solidFill>
                <a:schemeClr val="tx1"/>
              </a:solidFill>
            </a:rPr>
            <a:t>手順３は「シートの保護」をかけていません。</a:t>
          </a:r>
          <a:endParaRPr kumimoji="0" lang="en-US" altLang="ja-JP" sz="1100" b="1" i="0" u="none" strike="noStrike">
            <a:solidFill>
              <a:schemeClr val="lt1"/>
            </a:solidFill>
            <a:effectLst/>
            <a:latin typeface="+mn-lt"/>
            <a:ea typeface="+mn-ea"/>
            <a:cs typeface="+mn-cs"/>
          </a:endParaRPr>
        </a:p>
        <a:p>
          <a:pPr algn="l"/>
          <a:r>
            <a:rPr kumimoji="1" lang="ja-JP" altLang="en-US" sz="1600" b="1">
              <a:solidFill>
                <a:schemeClr val="tx1"/>
              </a:solidFill>
            </a:rPr>
            <a:t>誤って、「指導と評価の機会」を消してしまわないよう、ご注意ください。</a:t>
          </a:r>
        </a:p>
      </xdr:txBody>
    </xdr:sp>
    <xdr:clientData/>
  </xdr:twoCellAnchor>
  <xdr:twoCellAnchor editAs="oneCell">
    <xdr:from>
      <xdr:col>27</xdr:col>
      <xdr:colOff>217716</xdr:colOff>
      <xdr:row>12</xdr:row>
      <xdr:rowOff>231153</xdr:rowOff>
    </xdr:from>
    <xdr:to>
      <xdr:col>35</xdr:col>
      <xdr:colOff>54429</xdr:colOff>
      <xdr:row>20</xdr:row>
      <xdr:rowOff>45358</xdr:rowOff>
    </xdr:to>
    <xdr:pic>
      <xdr:nvPicPr>
        <xdr:cNvPr id="6" name="図 5"/>
        <xdr:cNvPicPr>
          <a:picLocks noChangeAspect="1"/>
        </xdr:cNvPicPr>
      </xdr:nvPicPr>
      <xdr:blipFill rotWithShape="1">
        <a:blip xmlns:r="http://schemas.openxmlformats.org/officeDocument/2006/relationships" r:embed="rId1"/>
        <a:srcRect l="26312" t="39271" r="28723" b="32684"/>
        <a:stretch/>
      </xdr:blipFill>
      <xdr:spPr>
        <a:xfrm>
          <a:off x="11348359" y="6934939"/>
          <a:ext cx="5134427" cy="2136490"/>
        </a:xfrm>
        <a:prstGeom prst="rect">
          <a:avLst/>
        </a:prstGeom>
      </xdr:spPr>
    </xdr:pic>
    <xdr:clientData/>
  </xdr:twoCellAnchor>
  <xdr:twoCellAnchor>
    <xdr:from>
      <xdr:col>27</xdr:col>
      <xdr:colOff>281165</xdr:colOff>
      <xdr:row>9</xdr:row>
      <xdr:rowOff>282421</xdr:rowOff>
    </xdr:from>
    <xdr:to>
      <xdr:col>35</xdr:col>
      <xdr:colOff>54429</xdr:colOff>
      <xdr:row>12</xdr:row>
      <xdr:rowOff>177228</xdr:rowOff>
    </xdr:to>
    <xdr:sp macro="" textlink="">
      <xdr:nvSpPr>
        <xdr:cNvPr id="7" name="角丸四角形 6"/>
        <xdr:cNvSpPr/>
      </xdr:nvSpPr>
      <xdr:spPr>
        <a:xfrm>
          <a:off x="11444465" y="6118071"/>
          <a:ext cx="5056464" cy="771107"/>
        </a:xfrm>
        <a:prstGeom prst="roundRect">
          <a:avLst/>
        </a:prstGeom>
        <a:solidFill>
          <a:srgbClr val="FFFF0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例：内容のまとまり「</a:t>
          </a:r>
          <a:r>
            <a:rPr kumimoji="1" lang="en-US" altLang="ja-JP" sz="1400">
              <a:solidFill>
                <a:schemeClr val="tx1"/>
              </a:solidFill>
            </a:rPr>
            <a:t>E</a:t>
          </a:r>
          <a:r>
            <a:rPr kumimoji="1" lang="ja-JP" altLang="en-US" sz="1400">
              <a:solidFill>
                <a:schemeClr val="tx1"/>
              </a:solidFill>
            </a:rPr>
            <a:t>　球技（第１学年及び第２学年）」</a:t>
          </a:r>
          <a:endParaRPr kumimoji="1" lang="en-US" altLang="ja-JP" sz="1400">
            <a:solidFill>
              <a:schemeClr val="tx1"/>
            </a:solidFill>
          </a:endParaRPr>
        </a:p>
        <a:p>
          <a:pPr algn="l"/>
          <a:r>
            <a:rPr kumimoji="1" lang="ja-JP" altLang="en-US" sz="1400">
              <a:solidFill>
                <a:schemeClr val="tx1"/>
              </a:solidFill>
            </a:rPr>
            <a:t>　　単元名：ア　ゴール型：サッカー</a:t>
          </a:r>
        </a:p>
      </xdr:txBody>
    </xdr:sp>
    <xdr:clientData/>
  </xdr:twoCellAnchor>
</xdr:wsDr>
</file>

<file path=xl/drawings/drawing6.xml><?xml version="1.0" encoding="utf-8"?>
<xdr:wsDr xmlns:xdr="http://schemas.openxmlformats.org/drawingml/2006/spreadsheetDrawing" xmlns:a="http://schemas.openxmlformats.org/drawingml/2006/main">
  <xdr:twoCellAnchor>
    <xdr:from>
      <xdr:col>54</xdr:col>
      <xdr:colOff>39688</xdr:colOff>
      <xdr:row>20</xdr:row>
      <xdr:rowOff>112713</xdr:rowOff>
    </xdr:from>
    <xdr:to>
      <xdr:col>60</xdr:col>
      <xdr:colOff>547687</xdr:colOff>
      <xdr:row>32</xdr:row>
      <xdr:rowOff>63500</xdr:rowOff>
    </xdr:to>
    <xdr:sp macro="" textlink="">
      <xdr:nvSpPr>
        <xdr:cNvPr id="3" name="角丸四角形 2"/>
        <xdr:cNvSpPr/>
      </xdr:nvSpPr>
      <xdr:spPr>
        <a:xfrm>
          <a:off x="12819063" y="4454526"/>
          <a:ext cx="4500562" cy="2459037"/>
        </a:xfrm>
        <a:prstGeom prst="roundRect">
          <a:avLst/>
        </a:prstGeom>
        <a:solidFill>
          <a:schemeClr val="bg1"/>
        </a:solid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chemeClr val="tx1"/>
              </a:solidFill>
            </a:rPr>
            <a:t>「知識及び技能」の指導事項については、それぞれの型によって特性が異なり、型ごとに指導する必要があるため、このように配置している。</a:t>
          </a:r>
          <a:endParaRPr kumimoji="1" lang="en-US" altLang="ja-JP" sz="1400">
            <a:solidFill>
              <a:schemeClr val="tx1"/>
            </a:solidFill>
          </a:endParaRPr>
        </a:p>
        <a:p>
          <a:pPr algn="l"/>
          <a:r>
            <a:rPr kumimoji="1" lang="en-US" altLang="ja-JP" sz="1400" u="sng">
              <a:solidFill>
                <a:schemeClr val="tx1"/>
              </a:solidFill>
            </a:rPr>
            <a:t>※</a:t>
          </a:r>
          <a:r>
            <a:rPr kumimoji="1" lang="ja-JP" altLang="en-US" sz="1400" u="sng">
              <a:solidFill>
                <a:schemeClr val="tx1"/>
              </a:solidFill>
            </a:rPr>
            <a:t>「技能」に関しては、教師が指導してから生徒自身が技能を習得するまでに時間を要することが予想されるため、指導日と評価日をずらして配置している。</a:t>
          </a:r>
        </a:p>
      </xdr:txBody>
    </xdr:sp>
    <xdr:clientData/>
  </xdr:twoCellAnchor>
  <xdr:twoCellAnchor>
    <xdr:from>
      <xdr:col>49</xdr:col>
      <xdr:colOff>12835</xdr:colOff>
      <xdr:row>23</xdr:row>
      <xdr:rowOff>23217</xdr:rowOff>
    </xdr:from>
    <xdr:to>
      <xdr:col>53</xdr:col>
      <xdr:colOff>611186</xdr:colOff>
      <xdr:row>26</xdr:row>
      <xdr:rowOff>301474</xdr:rowOff>
    </xdr:to>
    <xdr:sp macro="" textlink="">
      <xdr:nvSpPr>
        <xdr:cNvPr id="4" name="右矢印 3"/>
        <xdr:cNvSpPr/>
      </xdr:nvSpPr>
      <xdr:spPr>
        <a:xfrm rot="10800000">
          <a:off x="11498398" y="4865092"/>
          <a:ext cx="1233351" cy="945007"/>
        </a:xfrm>
        <a:prstGeom prst="rightArrow">
          <a:avLst/>
        </a:prstGeom>
        <a:solidFill>
          <a:srgbClr val="FF0000"/>
        </a:solidFill>
        <a:ln>
          <a:solidFill>
            <a:srgbClr val="00206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3387724</xdr:colOff>
      <xdr:row>0</xdr:row>
      <xdr:rowOff>17463</xdr:rowOff>
    </xdr:from>
    <xdr:to>
      <xdr:col>53</xdr:col>
      <xdr:colOff>23812</xdr:colOff>
      <xdr:row>3</xdr:row>
      <xdr:rowOff>15875</xdr:rowOff>
    </xdr:to>
    <xdr:sp macro="" textlink="">
      <xdr:nvSpPr>
        <xdr:cNvPr id="5" name="角丸四角形 4"/>
        <xdr:cNvSpPr/>
      </xdr:nvSpPr>
      <xdr:spPr>
        <a:xfrm>
          <a:off x="4141787" y="17463"/>
          <a:ext cx="8002588" cy="498475"/>
        </a:xfrm>
        <a:prstGeom prst="roundRect">
          <a:avLst/>
        </a:prstGeom>
        <a:noFill/>
        <a:ln w="28575">
          <a:solidFill>
            <a:srgbClr val="00B0F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54</xdr:col>
      <xdr:colOff>22225</xdr:colOff>
      <xdr:row>7</xdr:row>
      <xdr:rowOff>200024</xdr:rowOff>
    </xdr:from>
    <xdr:to>
      <xdr:col>60</xdr:col>
      <xdr:colOff>539750</xdr:colOff>
      <xdr:row>18</xdr:row>
      <xdr:rowOff>166686</xdr:rowOff>
    </xdr:to>
    <xdr:sp macro="" textlink="">
      <xdr:nvSpPr>
        <xdr:cNvPr id="7" name="角丸四角形 6"/>
        <xdr:cNvSpPr/>
      </xdr:nvSpPr>
      <xdr:spPr>
        <a:xfrm>
          <a:off x="12801600" y="2033587"/>
          <a:ext cx="4510088" cy="2141537"/>
        </a:xfrm>
        <a:prstGeom prst="roundRect">
          <a:avLst/>
        </a:prstGeom>
        <a:solidFill>
          <a:schemeClr val="bg1"/>
        </a:solidFill>
        <a:ln w="5715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a:solidFill>
                <a:srgbClr val="FF0000"/>
              </a:solidFill>
            </a:rPr>
            <a:t>例</a:t>
          </a:r>
          <a:endParaRPr kumimoji="1" lang="en-US" altLang="ja-JP" sz="2400">
            <a:solidFill>
              <a:srgbClr val="FF0000"/>
            </a:solidFill>
          </a:endParaRPr>
        </a:p>
        <a:p>
          <a:pPr algn="l"/>
          <a:r>
            <a:rPr kumimoji="1" lang="ja-JP" altLang="en-US" sz="1400">
              <a:solidFill>
                <a:schemeClr val="tx1"/>
              </a:solidFill>
            </a:rPr>
            <a:t>学習指導要領の”第１学年及び第２学年”の「</a:t>
          </a:r>
          <a:r>
            <a:rPr kumimoji="1" lang="en-US" altLang="ja-JP" sz="1400">
              <a:solidFill>
                <a:schemeClr val="tx1"/>
              </a:solidFill>
            </a:rPr>
            <a:t>E</a:t>
          </a:r>
          <a:r>
            <a:rPr kumimoji="1" lang="ja-JP" altLang="en-US" sz="1400">
              <a:solidFill>
                <a:schemeClr val="tx1"/>
              </a:solidFill>
            </a:rPr>
            <a:t>　球技」の内容の取り扱いとして「２年間の中でア～ウの３つの型のすべてを履修させること」としていることを踏まえ、このように設定した。</a:t>
          </a:r>
        </a:p>
      </xdr:txBody>
    </xdr:sp>
    <xdr:clientData/>
  </xdr:twoCellAnchor>
  <xdr:twoCellAnchor>
    <xdr:from>
      <xdr:col>54</xdr:col>
      <xdr:colOff>39688</xdr:colOff>
      <xdr:row>32</xdr:row>
      <xdr:rowOff>273049</xdr:rowOff>
    </xdr:from>
    <xdr:to>
      <xdr:col>60</xdr:col>
      <xdr:colOff>579437</xdr:colOff>
      <xdr:row>49</xdr:row>
      <xdr:rowOff>15875</xdr:rowOff>
    </xdr:to>
    <xdr:sp macro="" textlink="">
      <xdr:nvSpPr>
        <xdr:cNvPr id="8" name="角丸四角形 7"/>
        <xdr:cNvSpPr/>
      </xdr:nvSpPr>
      <xdr:spPr>
        <a:xfrm>
          <a:off x="12819063" y="7123112"/>
          <a:ext cx="4532312" cy="3925888"/>
        </a:xfrm>
        <a:prstGeom prst="roundRect">
          <a:avLst/>
        </a:prstGeom>
        <a:solidFill>
          <a:schemeClr val="bg1"/>
        </a:solidFill>
        <a:ln w="57150"/>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400">
              <a:solidFill>
                <a:schemeClr val="tx1"/>
              </a:solidFill>
            </a:rPr>
            <a:t>「思考力、判断力、表現力等」、「学びに向かう力、人間性等」で示される具体的な指導事項は、内容のまとまり（「</a:t>
          </a:r>
          <a:r>
            <a:rPr kumimoji="1" lang="en-US" altLang="ja-JP" sz="1400">
              <a:solidFill>
                <a:schemeClr val="tx1"/>
              </a:solidFill>
            </a:rPr>
            <a:t>E</a:t>
          </a:r>
          <a:r>
            <a:rPr kumimoji="1" lang="ja-JP" altLang="en-US" sz="1400">
              <a:solidFill>
                <a:schemeClr val="tx1"/>
              </a:solidFill>
            </a:rPr>
            <a:t>　球技」）に対して示されている（</a:t>
          </a:r>
          <a:r>
            <a:rPr kumimoji="1" lang="en-US" altLang="ja-JP" sz="1400">
              <a:solidFill>
                <a:schemeClr val="tx1"/>
              </a:solidFill>
            </a:rPr>
            <a:t>※</a:t>
          </a:r>
          <a:r>
            <a:rPr kumimoji="1" lang="ja-JP" altLang="en-US" sz="1400">
              <a:solidFill>
                <a:schemeClr val="tx1"/>
              </a:solidFill>
            </a:rPr>
            <a:t>それぞれの型によって異なるものではない）ことから、すべての型を通じて意図的、計画的に配置している。</a:t>
          </a:r>
          <a:endParaRPr kumimoji="1" lang="en-US" altLang="ja-JP" sz="1400">
            <a:solidFill>
              <a:schemeClr val="tx1"/>
            </a:solidFill>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400" u="sng">
              <a:solidFill>
                <a:schemeClr val="tx1"/>
              </a:solidFill>
              <a:effectLst/>
              <a:latin typeface="+mn-lt"/>
              <a:ea typeface="+mn-ea"/>
              <a:cs typeface="+mn-cs"/>
            </a:rPr>
            <a:t>※</a:t>
          </a:r>
          <a:r>
            <a:rPr kumimoji="1" lang="ja-JP" altLang="en-US" sz="1400" u="sng">
              <a:solidFill>
                <a:schemeClr val="tx1"/>
              </a:solidFill>
              <a:effectLst/>
              <a:latin typeface="+mn-lt"/>
              <a:ea typeface="+mn-ea"/>
              <a:cs typeface="+mn-cs"/>
            </a:rPr>
            <a:t>「学びに向かう力、人間性等」に</a:t>
          </a:r>
          <a:r>
            <a:rPr kumimoji="1" lang="ja-JP" altLang="ja-JP" sz="1400" u="sng">
              <a:solidFill>
                <a:schemeClr val="tx1"/>
              </a:solidFill>
              <a:effectLst/>
              <a:latin typeface="+mn-lt"/>
              <a:ea typeface="+mn-ea"/>
              <a:cs typeface="+mn-cs"/>
            </a:rPr>
            <a:t>関しては、教師が指導してから生徒</a:t>
          </a:r>
          <a:r>
            <a:rPr kumimoji="1" lang="ja-JP" altLang="en-US" sz="1400" u="sng">
              <a:solidFill>
                <a:schemeClr val="tx1"/>
              </a:solidFill>
              <a:effectLst/>
              <a:latin typeface="+mn-lt"/>
              <a:ea typeface="+mn-ea"/>
              <a:cs typeface="+mn-cs"/>
            </a:rPr>
            <a:t>自身の「学びに向かう力、人間性等」（従来の態度）が涵養する</a:t>
          </a:r>
          <a:r>
            <a:rPr kumimoji="1" lang="ja-JP" altLang="ja-JP" sz="1400" u="sng">
              <a:solidFill>
                <a:schemeClr val="tx1"/>
              </a:solidFill>
              <a:effectLst/>
              <a:latin typeface="+mn-lt"/>
              <a:ea typeface="+mn-ea"/>
              <a:cs typeface="+mn-cs"/>
            </a:rPr>
            <a:t>までに時間を要することが予想されるため、指導日と評価日をずらして配置している。</a:t>
          </a:r>
          <a:endParaRPr lang="ja-JP" altLang="ja-JP" sz="1400">
            <a:solidFill>
              <a:schemeClr val="tx1"/>
            </a:solidFill>
            <a:effectLst/>
          </a:endParaRPr>
        </a:p>
        <a:p>
          <a:pPr algn="l"/>
          <a:endParaRPr kumimoji="1" lang="ja-JP" altLang="en-US" sz="1400">
            <a:solidFill>
              <a:schemeClr val="tx1"/>
            </a:solidFill>
          </a:endParaRPr>
        </a:p>
      </xdr:txBody>
    </xdr:sp>
    <xdr:clientData/>
  </xdr:twoCellAnchor>
  <xdr:twoCellAnchor>
    <xdr:from>
      <xdr:col>54</xdr:col>
      <xdr:colOff>12700</xdr:colOff>
      <xdr:row>3</xdr:row>
      <xdr:rowOff>11113</xdr:rowOff>
    </xdr:from>
    <xdr:to>
      <xdr:col>60</xdr:col>
      <xdr:colOff>436562</xdr:colOff>
      <xdr:row>7</xdr:row>
      <xdr:rowOff>79375</xdr:rowOff>
    </xdr:to>
    <xdr:sp macro="" textlink="">
      <xdr:nvSpPr>
        <xdr:cNvPr id="10" name="角丸四角形 9"/>
        <xdr:cNvSpPr/>
      </xdr:nvSpPr>
      <xdr:spPr>
        <a:xfrm>
          <a:off x="12792075" y="511176"/>
          <a:ext cx="4416425" cy="1401762"/>
        </a:xfrm>
        <a:prstGeom prst="roundRect">
          <a:avLst/>
        </a:prstGeom>
        <a:solidFill>
          <a:schemeClr val="bg1"/>
        </a:solidFill>
        <a:ln w="57150">
          <a:solidFill>
            <a:srgbClr val="E91FDB"/>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ctr"/>
          <a:r>
            <a:rPr kumimoji="1" lang="ja-JP" altLang="en-US" sz="2000" b="1">
              <a:solidFill>
                <a:srgbClr val="E91FDB"/>
              </a:solidFill>
            </a:rPr>
            <a:t>大前提</a:t>
          </a:r>
          <a:endParaRPr kumimoji="1" lang="en-US" altLang="ja-JP" sz="2000" b="1">
            <a:solidFill>
              <a:srgbClr val="E91FDB"/>
            </a:solidFill>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ja-JP" sz="1600">
              <a:solidFill>
                <a:schemeClr val="tx1"/>
              </a:solidFill>
              <a:effectLst/>
              <a:latin typeface="+mn-lt"/>
              <a:ea typeface="+mn-ea"/>
              <a:cs typeface="+mn-cs"/>
            </a:rPr>
            <a:t>２年間の中で、指導事項を３つの型を通してバランスよく配置すること。</a:t>
          </a:r>
          <a:endParaRPr lang="ja-JP" altLang="ja-JP" sz="2400">
            <a:solidFill>
              <a:schemeClr val="tx1"/>
            </a:solidFill>
            <a:effectLst/>
          </a:endParaRPr>
        </a:p>
        <a:p>
          <a:pPr algn="l"/>
          <a:endParaRPr kumimoji="1" lang="ja-JP" altLang="en-US" sz="1600" b="1">
            <a:solidFill>
              <a:schemeClr val="tx1"/>
            </a:solidFill>
          </a:endParaRPr>
        </a:p>
      </xdr:txBody>
    </xdr:sp>
    <xdr:clientData/>
  </xdr:twoCellAnchor>
  <xdr:twoCellAnchor>
    <xdr:from>
      <xdr:col>52</xdr:col>
      <xdr:colOff>143551</xdr:colOff>
      <xdr:row>2</xdr:row>
      <xdr:rowOff>19443</xdr:rowOff>
    </xdr:from>
    <xdr:to>
      <xdr:col>53</xdr:col>
      <xdr:colOff>134458</xdr:colOff>
      <xdr:row>8</xdr:row>
      <xdr:rowOff>174302</xdr:rowOff>
    </xdr:to>
    <xdr:sp macro="" textlink="">
      <xdr:nvSpPr>
        <xdr:cNvPr id="6" name="右矢印 5"/>
        <xdr:cNvSpPr/>
      </xdr:nvSpPr>
      <xdr:spPr>
        <a:xfrm rot="3159268">
          <a:off x="11185982" y="1272200"/>
          <a:ext cx="1988422" cy="149657"/>
        </a:xfrm>
        <a:prstGeom prst="rightArrow">
          <a:avLst/>
        </a:prstGeom>
        <a:solidFill>
          <a:srgbClr val="00B0F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7938</xdr:colOff>
      <xdr:row>3</xdr:row>
      <xdr:rowOff>166687</xdr:rowOff>
    </xdr:from>
    <xdr:to>
      <xdr:col>53</xdr:col>
      <xdr:colOff>7937</xdr:colOff>
      <xdr:row>33</xdr:row>
      <xdr:rowOff>7937</xdr:rowOff>
    </xdr:to>
    <xdr:sp macro="" textlink="">
      <xdr:nvSpPr>
        <xdr:cNvPr id="16" name="正方形/長方形 15"/>
        <xdr:cNvSpPr/>
      </xdr:nvSpPr>
      <xdr:spPr>
        <a:xfrm>
          <a:off x="7938" y="666750"/>
          <a:ext cx="12120562" cy="6524625"/>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0</xdr:col>
      <xdr:colOff>17463</xdr:colOff>
      <xdr:row>33</xdr:row>
      <xdr:rowOff>33337</xdr:rowOff>
    </xdr:from>
    <xdr:to>
      <xdr:col>53</xdr:col>
      <xdr:colOff>17462</xdr:colOff>
      <xdr:row>46</xdr:row>
      <xdr:rowOff>7938</xdr:rowOff>
    </xdr:to>
    <xdr:sp macro="" textlink="">
      <xdr:nvSpPr>
        <xdr:cNvPr id="17" name="正方形/長方形 16"/>
        <xdr:cNvSpPr/>
      </xdr:nvSpPr>
      <xdr:spPr>
        <a:xfrm>
          <a:off x="17463" y="7216775"/>
          <a:ext cx="12120562" cy="3324226"/>
        </a:xfrm>
        <a:prstGeom prst="rect">
          <a:avLst/>
        </a:prstGeom>
        <a:noFill/>
        <a:ln w="5715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9</xdr:col>
      <xdr:colOff>14422</xdr:colOff>
      <xdr:row>37</xdr:row>
      <xdr:rowOff>992</xdr:rowOff>
    </xdr:from>
    <xdr:to>
      <xdr:col>53</xdr:col>
      <xdr:colOff>612773</xdr:colOff>
      <xdr:row>40</xdr:row>
      <xdr:rowOff>112562</xdr:rowOff>
    </xdr:to>
    <xdr:sp macro="" textlink="">
      <xdr:nvSpPr>
        <xdr:cNvPr id="18" name="右矢印 17"/>
        <xdr:cNvSpPr/>
      </xdr:nvSpPr>
      <xdr:spPr>
        <a:xfrm rot="10800000">
          <a:off x="11499985" y="8359180"/>
          <a:ext cx="1233351" cy="945007"/>
        </a:xfrm>
        <a:prstGeom prst="rightArrow">
          <a:avLst/>
        </a:prstGeom>
        <a:solidFill>
          <a:srgbClr val="0070C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944562</xdr:colOff>
      <xdr:row>0</xdr:row>
      <xdr:rowOff>95250</xdr:rowOff>
    </xdr:from>
    <xdr:to>
      <xdr:col>2</xdr:col>
      <xdr:colOff>3325813</xdr:colOff>
      <xdr:row>2</xdr:row>
      <xdr:rowOff>115887</xdr:rowOff>
    </xdr:to>
    <xdr:sp macro="" textlink="">
      <xdr:nvSpPr>
        <xdr:cNvPr id="12" name="角丸四角形 11"/>
        <xdr:cNvSpPr/>
      </xdr:nvSpPr>
      <xdr:spPr>
        <a:xfrm>
          <a:off x="1698625" y="95250"/>
          <a:ext cx="2381251" cy="354012"/>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b="0">
              <a:solidFill>
                <a:schemeClr val="tx1"/>
              </a:solidFill>
            </a:rPr>
            <a:t>単元名は自由に変えてください</a:t>
          </a:r>
        </a:p>
      </xdr:txBody>
    </xdr:sp>
    <xdr:clientData/>
  </xdr:twoCellAnchor>
  <xdr:twoCellAnchor>
    <xdr:from>
      <xdr:col>2</xdr:col>
      <xdr:colOff>3349625</xdr:colOff>
      <xdr:row>1</xdr:row>
      <xdr:rowOff>20635</xdr:rowOff>
    </xdr:from>
    <xdr:to>
      <xdr:col>6</xdr:col>
      <xdr:colOff>23814</xdr:colOff>
      <xdr:row>1</xdr:row>
      <xdr:rowOff>139697</xdr:rowOff>
    </xdr:to>
    <xdr:sp macro="" textlink="">
      <xdr:nvSpPr>
        <xdr:cNvPr id="13" name="右矢印 12"/>
        <xdr:cNvSpPr/>
      </xdr:nvSpPr>
      <xdr:spPr>
        <a:xfrm>
          <a:off x="4103688" y="187323"/>
          <a:ext cx="579439" cy="119062"/>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6</xdr:col>
      <xdr:colOff>80963</xdr:colOff>
      <xdr:row>4</xdr:row>
      <xdr:rowOff>38100</xdr:rowOff>
    </xdr:from>
    <xdr:to>
      <xdr:col>18</xdr:col>
      <xdr:colOff>25401</xdr:colOff>
      <xdr:row>46</xdr:row>
      <xdr:rowOff>14287</xdr:rowOff>
    </xdr:to>
    <xdr:sp macro="" textlink="">
      <xdr:nvSpPr>
        <xdr:cNvPr id="14" name="上下矢印 13"/>
        <xdr:cNvSpPr/>
      </xdr:nvSpPr>
      <xdr:spPr>
        <a:xfrm>
          <a:off x="6327776" y="712788"/>
          <a:ext cx="261938" cy="9834562"/>
        </a:xfrm>
        <a:prstGeom prst="upDownArrow">
          <a:avLst/>
        </a:prstGeom>
        <a:gradFill>
          <a:gsLst>
            <a:gs pos="29484">
              <a:srgbClr val="D8E2F2"/>
            </a:gs>
            <a:gs pos="23756">
              <a:srgbClr val="DEE6F4"/>
            </a:gs>
            <a:gs pos="0">
              <a:srgbClr val="F1F4FA"/>
            </a:gs>
            <a:gs pos="13024">
              <a:srgbClr val="E9EEF8"/>
            </a:gs>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65088</xdr:colOff>
      <xdr:row>24</xdr:row>
      <xdr:rowOff>76200</xdr:rowOff>
    </xdr:from>
    <xdr:to>
      <xdr:col>20</xdr:col>
      <xdr:colOff>112713</xdr:colOff>
      <xdr:row>32</xdr:row>
      <xdr:rowOff>133350</xdr:rowOff>
    </xdr:to>
    <xdr:sp macro="" textlink="">
      <xdr:nvSpPr>
        <xdr:cNvPr id="15" name="角丸四角形 14"/>
        <xdr:cNvSpPr/>
      </xdr:nvSpPr>
      <xdr:spPr>
        <a:xfrm>
          <a:off x="5835651" y="5084763"/>
          <a:ext cx="1158875" cy="1898650"/>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chemeClr val="tx1"/>
              </a:solidFill>
            </a:rPr>
            <a:t>ネット型専用</a:t>
          </a:r>
          <a:endParaRPr kumimoji="1" lang="en-US" altLang="ja-JP" sz="1100" b="1">
            <a:solidFill>
              <a:schemeClr val="tx1"/>
            </a:solidFill>
          </a:endParaRPr>
        </a:p>
        <a:p>
          <a:pPr algn="l"/>
          <a:r>
            <a:rPr kumimoji="1" lang="ja-JP" altLang="en-US" sz="1100" b="1">
              <a:solidFill>
                <a:schemeClr val="tx1"/>
              </a:solidFill>
            </a:rPr>
            <a:t>　　　↓</a:t>
          </a:r>
          <a:endParaRPr kumimoji="1" lang="en-US" altLang="ja-JP" sz="1100" b="1">
            <a:solidFill>
              <a:schemeClr val="tx1"/>
            </a:solidFill>
          </a:endParaRPr>
        </a:p>
        <a:p>
          <a:pPr algn="l"/>
          <a:r>
            <a:rPr kumimoji="1" lang="en-US" altLang="ja-JP" sz="1100" b="1">
              <a:solidFill>
                <a:schemeClr val="tx1"/>
              </a:solidFill>
            </a:rPr>
            <a:t>【</a:t>
          </a:r>
          <a:r>
            <a:rPr kumimoji="1" lang="ja-JP" altLang="en-US" sz="1100" b="1">
              <a:solidFill>
                <a:schemeClr val="tx1"/>
              </a:solidFill>
            </a:rPr>
            <a:t>手順２</a:t>
          </a:r>
          <a:r>
            <a:rPr kumimoji="1" lang="en-US" altLang="ja-JP" sz="1100" b="1">
              <a:solidFill>
                <a:schemeClr val="tx1"/>
              </a:solidFill>
            </a:rPr>
            <a:t>】</a:t>
          </a:r>
          <a:r>
            <a:rPr kumimoji="1" lang="ja-JP" altLang="en-US" sz="1100" b="1">
              <a:solidFill>
                <a:schemeClr val="tx1"/>
              </a:solidFill>
            </a:rPr>
            <a:t>ネット型に対応</a:t>
          </a:r>
          <a:endParaRPr kumimoji="1" lang="en-US" altLang="ja-JP" sz="1100" b="1">
            <a:solidFill>
              <a:schemeClr val="tx1"/>
            </a:solidFill>
          </a:endParaRPr>
        </a:p>
        <a:p>
          <a:pPr algn="l"/>
          <a:r>
            <a:rPr kumimoji="1" lang="ja-JP" altLang="en-US" sz="1100" b="1">
              <a:solidFill>
                <a:schemeClr val="tx1"/>
              </a:solidFill>
            </a:rPr>
            <a:t>（リンク）</a:t>
          </a:r>
        </a:p>
      </xdr:txBody>
    </xdr:sp>
    <xdr:clientData/>
  </xdr:twoCellAnchor>
  <xdr:twoCellAnchor>
    <xdr:from>
      <xdr:col>7</xdr:col>
      <xdr:colOff>58738</xdr:colOff>
      <xdr:row>4</xdr:row>
      <xdr:rowOff>23813</xdr:rowOff>
    </xdr:from>
    <xdr:to>
      <xdr:col>9</xdr:col>
      <xdr:colOff>3176</xdr:colOff>
      <xdr:row>46</xdr:row>
      <xdr:rowOff>0</xdr:rowOff>
    </xdr:to>
    <xdr:sp macro="" textlink="">
      <xdr:nvSpPr>
        <xdr:cNvPr id="19" name="上下矢印 18"/>
        <xdr:cNvSpPr/>
      </xdr:nvSpPr>
      <xdr:spPr>
        <a:xfrm>
          <a:off x="4876801" y="698501"/>
          <a:ext cx="261938" cy="9834562"/>
        </a:xfrm>
        <a:prstGeom prst="upDownArrow">
          <a:avLst/>
        </a:prstGeom>
        <a:gradFill>
          <a:gsLst>
            <a:gs pos="29484">
              <a:srgbClr val="D8E2F2"/>
            </a:gs>
            <a:gs pos="23756">
              <a:srgbClr val="DEE6F4"/>
            </a:gs>
            <a:gs pos="0">
              <a:srgbClr val="F1F4FA"/>
            </a:gs>
            <a:gs pos="13024">
              <a:srgbClr val="E9EEF8"/>
            </a:gs>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119063</xdr:colOff>
      <xdr:row>21</xdr:row>
      <xdr:rowOff>130176</xdr:rowOff>
    </xdr:from>
    <xdr:to>
      <xdr:col>12</xdr:col>
      <xdr:colOff>96837</xdr:colOff>
      <xdr:row>29</xdr:row>
      <xdr:rowOff>77787</xdr:rowOff>
    </xdr:to>
    <xdr:sp macro="" textlink="">
      <xdr:nvSpPr>
        <xdr:cNvPr id="20" name="角丸四角形 19"/>
        <xdr:cNvSpPr/>
      </xdr:nvSpPr>
      <xdr:spPr>
        <a:xfrm>
          <a:off x="4302126" y="4638676"/>
          <a:ext cx="1406524" cy="1622424"/>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200" b="1">
              <a:solidFill>
                <a:schemeClr val="tx1"/>
              </a:solidFill>
            </a:rPr>
            <a:t>ゴール型専用</a:t>
          </a:r>
          <a:endParaRPr kumimoji="1" lang="en-US" altLang="ja-JP" sz="1200" b="1">
            <a:solidFill>
              <a:schemeClr val="tx1"/>
            </a:solidFill>
          </a:endParaRPr>
        </a:p>
        <a:p>
          <a:pPr algn="l"/>
          <a:r>
            <a:rPr kumimoji="1" lang="ja-JP" altLang="en-US" sz="1200" b="1">
              <a:solidFill>
                <a:schemeClr val="tx1"/>
              </a:solidFill>
            </a:rPr>
            <a:t>　　　↓</a:t>
          </a:r>
          <a:endParaRPr kumimoji="1" lang="en-US" altLang="ja-JP" sz="1200" b="1">
            <a:solidFill>
              <a:schemeClr val="tx1"/>
            </a:solidFill>
          </a:endParaRPr>
        </a:p>
        <a:p>
          <a:pPr algn="l"/>
          <a:r>
            <a:rPr kumimoji="1" lang="en-US" altLang="ja-JP" sz="1200" b="1">
              <a:solidFill>
                <a:schemeClr val="tx1"/>
              </a:solidFill>
            </a:rPr>
            <a:t>【</a:t>
          </a:r>
          <a:r>
            <a:rPr kumimoji="1" lang="ja-JP" altLang="en-US" sz="1200" b="1">
              <a:solidFill>
                <a:schemeClr val="tx1"/>
              </a:solidFill>
            </a:rPr>
            <a:t>手順２</a:t>
          </a:r>
          <a:r>
            <a:rPr kumimoji="1" lang="en-US" altLang="ja-JP" sz="1200" b="1">
              <a:solidFill>
                <a:schemeClr val="tx1"/>
              </a:solidFill>
            </a:rPr>
            <a:t>】</a:t>
          </a:r>
          <a:r>
            <a:rPr kumimoji="1" lang="ja-JP" altLang="en-US" sz="1200" b="1">
              <a:solidFill>
                <a:schemeClr val="tx1"/>
              </a:solidFill>
            </a:rPr>
            <a:t>ゴール型に対応</a:t>
          </a:r>
          <a:endParaRPr kumimoji="1" lang="en-US" altLang="ja-JP" sz="1200" b="1">
            <a:solidFill>
              <a:schemeClr val="tx1"/>
            </a:solidFill>
          </a:endParaRPr>
        </a:p>
        <a:p>
          <a:pPr algn="l"/>
          <a:r>
            <a:rPr kumimoji="1" lang="ja-JP" altLang="en-US" sz="1200" b="1">
              <a:solidFill>
                <a:schemeClr val="tx1"/>
              </a:solidFill>
            </a:rPr>
            <a:t>（リンク）</a:t>
          </a:r>
        </a:p>
      </xdr:txBody>
    </xdr:sp>
    <xdr:clientData/>
  </xdr:twoCellAnchor>
  <xdr:twoCellAnchor>
    <xdr:from>
      <xdr:col>25</xdr:col>
      <xdr:colOff>74612</xdr:colOff>
      <xdr:row>4</xdr:row>
      <xdr:rowOff>63500</xdr:rowOff>
    </xdr:from>
    <xdr:to>
      <xdr:col>27</xdr:col>
      <xdr:colOff>19050</xdr:colOff>
      <xdr:row>46</xdr:row>
      <xdr:rowOff>39687</xdr:rowOff>
    </xdr:to>
    <xdr:sp macro="" textlink="">
      <xdr:nvSpPr>
        <xdr:cNvPr id="21" name="上下矢印 20"/>
        <xdr:cNvSpPr/>
      </xdr:nvSpPr>
      <xdr:spPr>
        <a:xfrm>
          <a:off x="7750175" y="738188"/>
          <a:ext cx="261938" cy="9834562"/>
        </a:xfrm>
        <a:prstGeom prst="upDownArrow">
          <a:avLst/>
        </a:prstGeom>
        <a:gradFill>
          <a:gsLst>
            <a:gs pos="29484">
              <a:srgbClr val="D8E2F2"/>
            </a:gs>
            <a:gs pos="23756">
              <a:srgbClr val="DEE6F4"/>
            </a:gs>
            <a:gs pos="0">
              <a:srgbClr val="F1F4FA"/>
            </a:gs>
            <a:gs pos="13024">
              <a:srgbClr val="E9EEF8"/>
            </a:gs>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74613</xdr:colOff>
      <xdr:row>24</xdr:row>
      <xdr:rowOff>69850</xdr:rowOff>
    </xdr:from>
    <xdr:to>
      <xdr:col>30</xdr:col>
      <xdr:colOff>41275</xdr:colOff>
      <xdr:row>32</xdr:row>
      <xdr:rowOff>85725</xdr:rowOff>
    </xdr:to>
    <xdr:sp macro="" textlink="">
      <xdr:nvSpPr>
        <xdr:cNvPr id="22" name="角丸四角形 21"/>
        <xdr:cNvSpPr/>
      </xdr:nvSpPr>
      <xdr:spPr>
        <a:xfrm>
          <a:off x="7115176" y="5078413"/>
          <a:ext cx="1395412" cy="1857375"/>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chemeClr val="tx1"/>
              </a:solidFill>
            </a:rPr>
            <a:t>ネット型専用</a:t>
          </a:r>
          <a:endParaRPr kumimoji="1" lang="en-US" altLang="ja-JP" sz="1100" b="1">
            <a:solidFill>
              <a:schemeClr val="tx1"/>
            </a:solidFill>
          </a:endParaRPr>
        </a:p>
        <a:p>
          <a:pPr algn="l"/>
          <a:r>
            <a:rPr kumimoji="1" lang="ja-JP" altLang="en-US" sz="1100" b="1">
              <a:solidFill>
                <a:schemeClr val="tx1"/>
              </a:solidFill>
            </a:rPr>
            <a:t>　　　↓</a:t>
          </a:r>
          <a:endParaRPr kumimoji="1" lang="en-US" altLang="ja-JP" sz="1100" b="1">
            <a:solidFill>
              <a:schemeClr val="tx1"/>
            </a:solidFill>
          </a:endParaRPr>
        </a:p>
        <a:p>
          <a:pPr algn="l"/>
          <a:r>
            <a:rPr kumimoji="1" lang="en-US" altLang="ja-JP" sz="1100" b="1">
              <a:solidFill>
                <a:schemeClr val="tx1"/>
              </a:solidFill>
            </a:rPr>
            <a:t>【</a:t>
          </a:r>
          <a:r>
            <a:rPr kumimoji="1" lang="ja-JP" altLang="en-US" sz="1100" b="1">
              <a:solidFill>
                <a:schemeClr val="tx1"/>
              </a:solidFill>
            </a:rPr>
            <a:t>手順２</a:t>
          </a:r>
          <a:r>
            <a:rPr kumimoji="1" lang="en-US" altLang="ja-JP" sz="1100" b="1">
              <a:solidFill>
                <a:schemeClr val="tx1"/>
              </a:solidFill>
            </a:rPr>
            <a:t>】</a:t>
          </a:r>
          <a:r>
            <a:rPr kumimoji="1" lang="ja-JP" altLang="en-US" sz="1100" b="1">
              <a:solidFill>
                <a:schemeClr val="tx1"/>
              </a:solidFill>
            </a:rPr>
            <a:t>ネット型に対応</a:t>
          </a:r>
          <a:endParaRPr kumimoji="1" lang="en-US" altLang="ja-JP" sz="1100" b="1">
            <a:solidFill>
              <a:schemeClr val="tx1"/>
            </a:solidFill>
          </a:endParaRPr>
        </a:p>
        <a:p>
          <a:pPr algn="l"/>
          <a:r>
            <a:rPr kumimoji="1" lang="ja-JP" altLang="en-US" sz="1100" b="1">
              <a:solidFill>
                <a:schemeClr val="tx1"/>
              </a:solidFill>
            </a:rPr>
            <a:t>（リンク）</a:t>
          </a:r>
        </a:p>
      </xdr:txBody>
    </xdr:sp>
    <xdr:clientData/>
  </xdr:twoCellAnchor>
  <xdr:twoCellAnchor>
    <xdr:from>
      <xdr:col>36</xdr:col>
      <xdr:colOff>84137</xdr:colOff>
      <xdr:row>4</xdr:row>
      <xdr:rowOff>73025</xdr:rowOff>
    </xdr:from>
    <xdr:to>
      <xdr:col>38</xdr:col>
      <xdr:colOff>28575</xdr:colOff>
      <xdr:row>46</xdr:row>
      <xdr:rowOff>49212</xdr:rowOff>
    </xdr:to>
    <xdr:sp macro="" textlink="">
      <xdr:nvSpPr>
        <xdr:cNvPr id="23" name="上下矢印 22"/>
        <xdr:cNvSpPr/>
      </xdr:nvSpPr>
      <xdr:spPr>
        <a:xfrm>
          <a:off x="9505950" y="747713"/>
          <a:ext cx="261938" cy="9834562"/>
        </a:xfrm>
        <a:prstGeom prst="upDownArrow">
          <a:avLst/>
        </a:prstGeom>
        <a:gradFill>
          <a:gsLst>
            <a:gs pos="29484">
              <a:srgbClr val="D8E2F2"/>
            </a:gs>
            <a:gs pos="23756">
              <a:srgbClr val="DEE6F4"/>
            </a:gs>
            <a:gs pos="0">
              <a:srgbClr val="F1F4FA"/>
            </a:gs>
            <a:gs pos="13024">
              <a:srgbClr val="E9EEF8"/>
            </a:gs>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1</xdr:col>
      <xdr:colOff>92074</xdr:colOff>
      <xdr:row>11</xdr:row>
      <xdr:rowOff>7938</xdr:rowOff>
    </xdr:from>
    <xdr:to>
      <xdr:col>42</xdr:col>
      <xdr:colOff>65087</xdr:colOff>
      <xdr:row>22</xdr:row>
      <xdr:rowOff>31750</xdr:rowOff>
    </xdr:to>
    <xdr:sp macro="" textlink="">
      <xdr:nvSpPr>
        <xdr:cNvPr id="24" name="角丸四角形 23"/>
        <xdr:cNvSpPr/>
      </xdr:nvSpPr>
      <xdr:spPr>
        <a:xfrm>
          <a:off x="8720137" y="2849563"/>
          <a:ext cx="1719263" cy="1857375"/>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chemeClr val="tx1"/>
              </a:solidFill>
            </a:rPr>
            <a:t>ベースボール型専用</a:t>
          </a:r>
          <a:endParaRPr kumimoji="1" lang="en-US" altLang="ja-JP" sz="1100" b="1">
            <a:solidFill>
              <a:schemeClr val="tx1"/>
            </a:solidFill>
          </a:endParaRPr>
        </a:p>
        <a:p>
          <a:pPr algn="l"/>
          <a:r>
            <a:rPr kumimoji="1" lang="ja-JP" altLang="en-US" sz="1100" b="1">
              <a:solidFill>
                <a:schemeClr val="tx1"/>
              </a:solidFill>
            </a:rPr>
            <a:t>　　　↓</a:t>
          </a:r>
          <a:endParaRPr kumimoji="1" lang="en-US" altLang="ja-JP" sz="1100" b="1">
            <a:solidFill>
              <a:schemeClr val="tx1"/>
            </a:solidFill>
          </a:endParaRPr>
        </a:p>
        <a:p>
          <a:pPr algn="l"/>
          <a:r>
            <a:rPr kumimoji="1" lang="en-US" altLang="ja-JP" sz="1100" b="1">
              <a:solidFill>
                <a:schemeClr val="tx1"/>
              </a:solidFill>
            </a:rPr>
            <a:t>【</a:t>
          </a:r>
          <a:r>
            <a:rPr kumimoji="1" lang="ja-JP" altLang="en-US" sz="1100" b="1">
              <a:solidFill>
                <a:schemeClr val="tx1"/>
              </a:solidFill>
            </a:rPr>
            <a:t>手順２</a:t>
          </a:r>
          <a:r>
            <a:rPr kumimoji="1" lang="en-US" altLang="ja-JP" sz="1100" b="1">
              <a:solidFill>
                <a:schemeClr val="tx1"/>
              </a:solidFill>
            </a:rPr>
            <a:t>】</a:t>
          </a:r>
          <a:r>
            <a:rPr kumimoji="1" lang="ja-JP" altLang="en-US" sz="1100" b="1">
              <a:solidFill>
                <a:schemeClr val="tx1"/>
              </a:solidFill>
            </a:rPr>
            <a:t>ベースボール型に対応</a:t>
          </a:r>
          <a:endParaRPr kumimoji="1" lang="en-US" altLang="ja-JP" sz="1100" b="1">
            <a:solidFill>
              <a:schemeClr val="tx1"/>
            </a:solidFill>
          </a:endParaRPr>
        </a:p>
        <a:p>
          <a:pPr algn="l"/>
          <a:r>
            <a:rPr kumimoji="1" lang="ja-JP" altLang="en-US" sz="1100" b="1">
              <a:solidFill>
                <a:schemeClr val="tx1"/>
              </a:solidFill>
            </a:rPr>
            <a:t>（リンク）</a:t>
          </a:r>
        </a:p>
      </xdr:txBody>
    </xdr:sp>
    <xdr:clientData/>
  </xdr:twoCellAnchor>
  <xdr:twoCellAnchor>
    <xdr:from>
      <xdr:col>47</xdr:col>
      <xdr:colOff>76201</xdr:colOff>
      <xdr:row>4</xdr:row>
      <xdr:rowOff>65088</xdr:rowOff>
    </xdr:from>
    <xdr:to>
      <xdr:col>49</xdr:col>
      <xdr:colOff>20639</xdr:colOff>
      <xdr:row>46</xdr:row>
      <xdr:rowOff>41275</xdr:rowOff>
    </xdr:to>
    <xdr:sp macro="" textlink="">
      <xdr:nvSpPr>
        <xdr:cNvPr id="25" name="上下矢印 24"/>
        <xdr:cNvSpPr/>
      </xdr:nvSpPr>
      <xdr:spPr>
        <a:xfrm>
          <a:off x="11244264" y="739776"/>
          <a:ext cx="261938" cy="9834562"/>
        </a:xfrm>
        <a:prstGeom prst="upDownArrow">
          <a:avLst/>
        </a:prstGeom>
        <a:gradFill>
          <a:gsLst>
            <a:gs pos="29484">
              <a:srgbClr val="D8E2F2"/>
            </a:gs>
            <a:gs pos="23756">
              <a:srgbClr val="DEE6F4"/>
            </a:gs>
            <a:gs pos="0">
              <a:srgbClr val="F1F4FA"/>
            </a:gs>
            <a:gs pos="13024">
              <a:srgbClr val="E9EEF8"/>
            </a:gs>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3</xdr:col>
      <xdr:colOff>88901</xdr:colOff>
      <xdr:row>27</xdr:row>
      <xdr:rowOff>60325</xdr:rowOff>
    </xdr:from>
    <xdr:to>
      <xdr:col>52</xdr:col>
      <xdr:colOff>66675</xdr:colOff>
      <xdr:row>34</xdr:row>
      <xdr:rowOff>15874</xdr:rowOff>
    </xdr:to>
    <xdr:sp macro="" textlink="">
      <xdr:nvSpPr>
        <xdr:cNvPr id="26" name="角丸四角形 25"/>
        <xdr:cNvSpPr/>
      </xdr:nvSpPr>
      <xdr:spPr>
        <a:xfrm>
          <a:off x="10621964" y="5910263"/>
          <a:ext cx="1406524" cy="1622424"/>
        </a:xfrm>
        <a:prstGeom prst="roundRect">
          <a:avLst/>
        </a:prstGeom>
        <a:solidFill>
          <a:schemeClr val="bg1"/>
        </a:solidFill>
        <a:ln w="57150">
          <a:solidFill>
            <a:schemeClr val="bg1">
              <a:lumMod val="50000"/>
            </a:schemeClr>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200" b="1">
              <a:solidFill>
                <a:schemeClr val="tx1"/>
              </a:solidFill>
            </a:rPr>
            <a:t>ゴール型専用</a:t>
          </a:r>
          <a:endParaRPr kumimoji="1" lang="en-US" altLang="ja-JP" sz="1200" b="1">
            <a:solidFill>
              <a:schemeClr val="tx1"/>
            </a:solidFill>
          </a:endParaRPr>
        </a:p>
        <a:p>
          <a:pPr algn="l"/>
          <a:r>
            <a:rPr kumimoji="1" lang="ja-JP" altLang="en-US" sz="1200" b="1">
              <a:solidFill>
                <a:schemeClr val="tx1"/>
              </a:solidFill>
            </a:rPr>
            <a:t>　　　↓</a:t>
          </a:r>
          <a:endParaRPr kumimoji="1" lang="en-US" altLang="ja-JP" sz="1200" b="1">
            <a:solidFill>
              <a:schemeClr val="tx1"/>
            </a:solidFill>
          </a:endParaRPr>
        </a:p>
        <a:p>
          <a:pPr algn="l"/>
          <a:r>
            <a:rPr kumimoji="1" lang="en-US" altLang="ja-JP" sz="1200" b="1">
              <a:solidFill>
                <a:schemeClr val="tx1"/>
              </a:solidFill>
            </a:rPr>
            <a:t>【</a:t>
          </a:r>
          <a:r>
            <a:rPr kumimoji="1" lang="ja-JP" altLang="en-US" sz="1200" b="1">
              <a:solidFill>
                <a:schemeClr val="tx1"/>
              </a:solidFill>
            </a:rPr>
            <a:t>手順２</a:t>
          </a:r>
          <a:r>
            <a:rPr kumimoji="1" lang="en-US" altLang="ja-JP" sz="1200" b="1">
              <a:solidFill>
                <a:schemeClr val="tx1"/>
              </a:solidFill>
            </a:rPr>
            <a:t>】</a:t>
          </a:r>
          <a:r>
            <a:rPr kumimoji="1" lang="ja-JP" altLang="en-US" sz="1200" b="1">
              <a:solidFill>
                <a:schemeClr val="tx1"/>
              </a:solidFill>
            </a:rPr>
            <a:t>ゴール型に対応</a:t>
          </a:r>
          <a:endParaRPr kumimoji="1" lang="en-US" altLang="ja-JP" sz="1200" b="1">
            <a:solidFill>
              <a:schemeClr val="tx1"/>
            </a:solidFill>
          </a:endParaRPr>
        </a:p>
        <a:p>
          <a:pPr algn="l"/>
          <a:r>
            <a:rPr kumimoji="1" lang="ja-JP" altLang="en-US" sz="1200" b="1">
              <a:solidFill>
                <a:schemeClr val="tx1"/>
              </a:solidFill>
            </a:rPr>
            <a:t>（リンク）</a:t>
          </a:r>
        </a:p>
      </xdr:txBody>
    </xdr:sp>
    <xdr:clientData/>
  </xdr:twoCellAnchor>
</xdr:wsDr>
</file>

<file path=xl/drawings/drawing7.xml><?xml version="1.0" encoding="utf-8"?>
<xdr:wsDr xmlns:xdr="http://schemas.openxmlformats.org/drawingml/2006/spreadsheetDrawing" xmlns:a="http://schemas.openxmlformats.org/drawingml/2006/main">
  <xdr:twoCellAnchor editAs="oneCell">
    <xdr:from>
      <xdr:col>3</xdr:col>
      <xdr:colOff>29196</xdr:colOff>
      <xdr:row>2</xdr:row>
      <xdr:rowOff>36492</xdr:rowOff>
    </xdr:from>
    <xdr:to>
      <xdr:col>12</xdr:col>
      <xdr:colOff>467126</xdr:colOff>
      <xdr:row>11</xdr:row>
      <xdr:rowOff>240862</xdr:rowOff>
    </xdr:to>
    <xdr:pic>
      <xdr:nvPicPr>
        <xdr:cNvPr id="2" name="図 1"/>
        <xdr:cNvPicPr>
          <a:picLocks noChangeAspect="1"/>
        </xdr:cNvPicPr>
      </xdr:nvPicPr>
      <xdr:blipFill rotWithShape="1">
        <a:blip xmlns:r="http://schemas.openxmlformats.org/officeDocument/2006/relationships" r:embed="rId1" cstate="email">
          <a:extLst>
            <a:ext uri="{28A0092B-C50C-407E-A947-70E740481C1C}">
              <a14:useLocalDpi xmlns:a14="http://schemas.microsoft.com/office/drawing/2010/main"/>
            </a:ext>
          </a:extLst>
        </a:blip>
        <a:srcRect/>
        <a:stretch/>
      </xdr:blipFill>
      <xdr:spPr>
        <a:xfrm>
          <a:off x="1970690" y="547412"/>
          <a:ext cx="5240574" cy="2503507"/>
        </a:xfrm>
        <a:prstGeom prst="rect">
          <a:avLst/>
        </a:prstGeom>
      </xdr:spPr>
    </xdr:pic>
    <xdr:clientData/>
  </xdr:twoCellAnchor>
  <xdr:twoCellAnchor>
    <xdr:from>
      <xdr:col>14</xdr:col>
      <xdr:colOff>386840</xdr:colOff>
      <xdr:row>4</xdr:row>
      <xdr:rowOff>65690</xdr:rowOff>
    </xdr:from>
    <xdr:to>
      <xdr:col>21</xdr:col>
      <xdr:colOff>132257</xdr:colOff>
      <xdr:row>9</xdr:row>
      <xdr:rowOff>233564</xdr:rowOff>
    </xdr:to>
    <xdr:sp macro="" textlink="">
      <xdr:nvSpPr>
        <xdr:cNvPr id="3" name="角丸四角形 2"/>
        <xdr:cNvSpPr/>
      </xdr:nvSpPr>
      <xdr:spPr>
        <a:xfrm>
          <a:off x="8196610" y="1087529"/>
          <a:ext cx="3475130" cy="1445173"/>
        </a:xfrm>
        <a:prstGeom prst="roundRect">
          <a:avLst/>
        </a:prstGeom>
        <a:solidFill>
          <a:schemeClr val="bg1"/>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6600" b="1">
              <a:solidFill>
                <a:srgbClr val="002060"/>
              </a:solidFill>
            </a:rPr>
            <a:t>省略</a:t>
          </a:r>
          <a:endParaRPr kumimoji="1" lang="en-US" altLang="ja-JP" sz="6600" b="1">
            <a:solidFill>
              <a:srgbClr val="002060"/>
            </a:solidFill>
          </a:endParaRPr>
        </a:p>
      </xdr:txBody>
    </xdr:sp>
    <xdr:clientData/>
  </xdr:twoCellAnchor>
  <xdr:twoCellAnchor>
    <xdr:from>
      <xdr:col>23</xdr:col>
      <xdr:colOff>270057</xdr:colOff>
      <xdr:row>20</xdr:row>
      <xdr:rowOff>67976</xdr:rowOff>
    </xdr:from>
    <xdr:to>
      <xdr:col>25</xdr:col>
      <xdr:colOff>189615</xdr:colOff>
      <xdr:row>28</xdr:row>
      <xdr:rowOff>78730</xdr:rowOff>
    </xdr:to>
    <xdr:sp macro="" textlink="">
      <xdr:nvSpPr>
        <xdr:cNvPr id="5" name="右矢印 4"/>
        <xdr:cNvSpPr/>
      </xdr:nvSpPr>
      <xdr:spPr>
        <a:xfrm rot="10800000">
          <a:off x="12875172" y="4067746"/>
          <a:ext cx="1233351" cy="945007"/>
        </a:xfrm>
        <a:prstGeom prst="rightArrow">
          <a:avLst/>
        </a:prstGeom>
        <a:solidFill>
          <a:srgbClr val="FF0000"/>
        </a:solidFill>
        <a:ln>
          <a:solidFill>
            <a:srgbClr val="00206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167815</xdr:colOff>
      <xdr:row>11</xdr:row>
      <xdr:rowOff>248163</xdr:rowOff>
    </xdr:from>
    <xdr:to>
      <xdr:col>22</xdr:col>
      <xdr:colOff>518218</xdr:colOff>
      <xdr:row>37</xdr:row>
      <xdr:rowOff>1</xdr:rowOff>
    </xdr:to>
    <xdr:sp macro="" textlink="">
      <xdr:nvSpPr>
        <xdr:cNvPr id="6" name="正方形/長方形 5"/>
        <xdr:cNvSpPr/>
      </xdr:nvSpPr>
      <xdr:spPr>
        <a:xfrm>
          <a:off x="1941493" y="3058220"/>
          <a:ext cx="10649024" cy="2926838"/>
        </a:xfrm>
        <a:prstGeom prst="rect">
          <a:avLst/>
        </a:prstGeom>
        <a:noFill/>
        <a:ln w="28575">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3</xdr:col>
      <xdr:colOff>0</xdr:colOff>
      <xdr:row>37</xdr:row>
      <xdr:rowOff>29196</xdr:rowOff>
    </xdr:from>
    <xdr:to>
      <xdr:col>22</xdr:col>
      <xdr:colOff>524641</xdr:colOff>
      <xdr:row>41</xdr:row>
      <xdr:rowOff>21896</xdr:rowOff>
    </xdr:to>
    <xdr:sp macro="" textlink="">
      <xdr:nvSpPr>
        <xdr:cNvPr id="8" name="正方形/長方形 7"/>
        <xdr:cNvSpPr/>
      </xdr:nvSpPr>
      <xdr:spPr>
        <a:xfrm>
          <a:off x="1941494" y="6014253"/>
          <a:ext cx="10655446" cy="897758"/>
        </a:xfrm>
        <a:prstGeom prst="rect">
          <a:avLst/>
        </a:prstGeom>
        <a:noFill/>
        <a:ln w="28575">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rgbClr val="0070C0"/>
            </a:solidFill>
          </a:endParaRPr>
        </a:p>
      </xdr:txBody>
    </xdr:sp>
    <xdr:clientData/>
  </xdr:twoCellAnchor>
  <xdr:twoCellAnchor>
    <xdr:from>
      <xdr:col>23</xdr:col>
      <xdr:colOff>204368</xdr:colOff>
      <xdr:row>36</xdr:row>
      <xdr:rowOff>97447</xdr:rowOff>
    </xdr:from>
    <xdr:to>
      <xdr:col>25</xdr:col>
      <xdr:colOff>123926</xdr:colOff>
      <xdr:row>41</xdr:row>
      <xdr:rowOff>20615</xdr:rowOff>
    </xdr:to>
    <xdr:sp macro="" textlink="">
      <xdr:nvSpPr>
        <xdr:cNvPr id="10" name="右矢印 9"/>
        <xdr:cNvSpPr/>
      </xdr:nvSpPr>
      <xdr:spPr>
        <a:xfrm rot="10800000">
          <a:off x="12809483" y="5965723"/>
          <a:ext cx="1233351" cy="945007"/>
        </a:xfrm>
        <a:prstGeom prst="rightArrow">
          <a:avLst/>
        </a:prstGeom>
        <a:solidFill>
          <a:srgbClr val="0070C0"/>
        </a:solidFill>
        <a:ln>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1072930</xdr:colOff>
      <xdr:row>36</xdr:row>
      <xdr:rowOff>43793</xdr:rowOff>
    </xdr:from>
    <xdr:to>
      <xdr:col>13</xdr:col>
      <xdr:colOff>21897</xdr:colOff>
      <xdr:row>41</xdr:row>
      <xdr:rowOff>145977</xdr:rowOff>
    </xdr:to>
    <xdr:sp macro="" textlink="">
      <xdr:nvSpPr>
        <xdr:cNvPr id="11" name="角丸四角形 10"/>
        <xdr:cNvSpPr/>
      </xdr:nvSpPr>
      <xdr:spPr>
        <a:xfrm>
          <a:off x="1846608" y="5912069"/>
          <a:ext cx="5452243" cy="1124023"/>
        </a:xfrm>
        <a:prstGeom prst="roundRect">
          <a:avLst/>
        </a:prstGeom>
        <a:noFill/>
        <a:ln w="28575">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3</xdr:col>
      <xdr:colOff>28318</xdr:colOff>
      <xdr:row>36</xdr:row>
      <xdr:rowOff>35618</xdr:rowOff>
    </xdr:from>
    <xdr:to>
      <xdr:col>23</xdr:col>
      <xdr:colOff>152400</xdr:colOff>
      <xdr:row>41</xdr:row>
      <xdr:rowOff>137802</xdr:rowOff>
    </xdr:to>
    <xdr:sp macro="" textlink="">
      <xdr:nvSpPr>
        <xdr:cNvPr id="12" name="角丸四角形 11"/>
        <xdr:cNvSpPr/>
      </xdr:nvSpPr>
      <xdr:spPr>
        <a:xfrm>
          <a:off x="7305272" y="5903894"/>
          <a:ext cx="5452243" cy="1124023"/>
        </a:xfrm>
        <a:prstGeom prst="roundRect">
          <a:avLst/>
        </a:prstGeom>
        <a:noFill/>
        <a:ln w="28575">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4</xdr:col>
      <xdr:colOff>427951</xdr:colOff>
      <xdr:row>42</xdr:row>
      <xdr:rowOff>39714</xdr:rowOff>
    </xdr:from>
    <xdr:to>
      <xdr:col>16</xdr:col>
      <xdr:colOff>307326</xdr:colOff>
      <xdr:row>45</xdr:row>
      <xdr:rowOff>102187</xdr:rowOff>
    </xdr:to>
    <xdr:sp macro="" textlink="">
      <xdr:nvSpPr>
        <xdr:cNvPr id="13" name="右矢印 12"/>
        <xdr:cNvSpPr/>
      </xdr:nvSpPr>
      <xdr:spPr>
        <a:xfrm rot="5400000">
          <a:off x="8339592" y="7054222"/>
          <a:ext cx="741266" cy="945007"/>
        </a:xfrm>
        <a:prstGeom prst="rightArrow">
          <a:avLst/>
        </a:prstGeom>
        <a:solidFill>
          <a:srgbClr val="00B050"/>
        </a:solidFill>
        <a:ln>
          <a:solidFill>
            <a:srgbClr val="00206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4</xdr:col>
      <xdr:colOff>390579</xdr:colOff>
      <xdr:row>42</xdr:row>
      <xdr:rowOff>60738</xdr:rowOff>
    </xdr:from>
    <xdr:to>
      <xdr:col>6</xdr:col>
      <xdr:colOff>262655</xdr:colOff>
      <xdr:row>45</xdr:row>
      <xdr:rowOff>123211</xdr:rowOff>
    </xdr:to>
    <xdr:sp macro="" textlink="">
      <xdr:nvSpPr>
        <xdr:cNvPr id="14" name="右矢印 13"/>
        <xdr:cNvSpPr/>
      </xdr:nvSpPr>
      <xdr:spPr>
        <a:xfrm rot="5400000">
          <a:off x="2966760" y="7075246"/>
          <a:ext cx="741266" cy="945007"/>
        </a:xfrm>
        <a:prstGeom prst="rightArrow">
          <a:avLst/>
        </a:prstGeom>
        <a:solidFill>
          <a:srgbClr val="00B050"/>
        </a:solidFill>
        <a:ln>
          <a:solidFill>
            <a:srgbClr val="00206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xdr:col>
      <xdr:colOff>989754</xdr:colOff>
      <xdr:row>46</xdr:row>
      <xdr:rowOff>6424</xdr:rowOff>
    </xdr:from>
    <xdr:to>
      <xdr:col>9</xdr:col>
      <xdr:colOff>72987</xdr:colOff>
      <xdr:row>48</xdr:row>
      <xdr:rowOff>116783</xdr:rowOff>
    </xdr:to>
    <xdr:sp macro="" textlink="">
      <xdr:nvSpPr>
        <xdr:cNvPr id="15" name="角丸四角形 14"/>
        <xdr:cNvSpPr/>
      </xdr:nvSpPr>
      <xdr:spPr>
        <a:xfrm>
          <a:off x="1763432" y="8027861"/>
          <a:ext cx="3455245" cy="562888"/>
        </a:xfrm>
        <a:prstGeom prst="roundRect">
          <a:avLst/>
        </a:prstGeom>
        <a:solidFill>
          <a:schemeClr val="bg1"/>
        </a:solidFill>
        <a:ln w="571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b="1" u="sng">
              <a:solidFill>
                <a:schemeClr val="tx1"/>
              </a:solidFill>
            </a:rPr>
            <a:t>単元計画表</a:t>
          </a:r>
          <a:r>
            <a:rPr kumimoji="1" lang="en-US" altLang="ja-JP" sz="1400" b="1" u="sng">
              <a:solidFill>
                <a:schemeClr val="tx1"/>
              </a:solidFill>
            </a:rPr>
            <a:t>【</a:t>
          </a:r>
          <a:r>
            <a:rPr kumimoji="1" lang="ja-JP" altLang="en-US" sz="1400" b="1" u="sng">
              <a:solidFill>
                <a:schemeClr val="tx1"/>
              </a:solidFill>
            </a:rPr>
            <a:t>ゴール型①</a:t>
          </a:r>
          <a:r>
            <a:rPr kumimoji="1" lang="en-US" altLang="ja-JP" sz="1400" b="1" u="sng">
              <a:solidFill>
                <a:schemeClr val="tx1"/>
              </a:solidFill>
            </a:rPr>
            <a:t>】</a:t>
          </a:r>
          <a:r>
            <a:rPr kumimoji="1" lang="ja-JP" altLang="en-US" sz="1400">
              <a:solidFill>
                <a:schemeClr val="tx1"/>
              </a:solidFill>
            </a:rPr>
            <a:t>に反映される</a:t>
          </a:r>
          <a:endParaRPr kumimoji="1" lang="en-US" altLang="ja-JP" sz="1400">
            <a:solidFill>
              <a:schemeClr val="tx1"/>
            </a:solidFill>
          </a:endParaRPr>
        </a:p>
      </xdr:txBody>
    </xdr:sp>
    <xdr:clientData/>
  </xdr:twoCellAnchor>
  <xdr:twoCellAnchor>
    <xdr:from>
      <xdr:col>13</xdr:col>
      <xdr:colOff>149511</xdr:colOff>
      <xdr:row>46</xdr:row>
      <xdr:rowOff>42042</xdr:rowOff>
    </xdr:from>
    <xdr:to>
      <xdr:col>19</xdr:col>
      <xdr:colOff>407859</xdr:colOff>
      <xdr:row>48</xdr:row>
      <xdr:rowOff>152401</xdr:rowOff>
    </xdr:to>
    <xdr:sp macro="" textlink="">
      <xdr:nvSpPr>
        <xdr:cNvPr id="16" name="角丸四角形 15"/>
        <xdr:cNvSpPr/>
      </xdr:nvSpPr>
      <xdr:spPr>
        <a:xfrm>
          <a:off x="7426465" y="8063479"/>
          <a:ext cx="3455245" cy="562888"/>
        </a:xfrm>
        <a:prstGeom prst="roundRect">
          <a:avLst/>
        </a:prstGeom>
        <a:solidFill>
          <a:schemeClr val="bg1"/>
        </a:solidFill>
        <a:ln w="571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b="1" u="sng">
              <a:solidFill>
                <a:schemeClr val="tx1"/>
              </a:solidFill>
            </a:rPr>
            <a:t>単元計画表</a:t>
          </a:r>
          <a:r>
            <a:rPr kumimoji="1" lang="en-US" altLang="ja-JP" sz="1400" b="1" u="sng">
              <a:solidFill>
                <a:schemeClr val="tx1"/>
              </a:solidFill>
            </a:rPr>
            <a:t>【</a:t>
          </a:r>
          <a:r>
            <a:rPr kumimoji="1" lang="ja-JP" altLang="en-US" sz="1400" b="1" u="sng">
              <a:solidFill>
                <a:schemeClr val="tx1"/>
              </a:solidFill>
            </a:rPr>
            <a:t>ゴール型②</a:t>
          </a:r>
          <a:r>
            <a:rPr kumimoji="1" lang="en-US" altLang="ja-JP" sz="1400" b="1" u="sng">
              <a:solidFill>
                <a:schemeClr val="tx1"/>
              </a:solidFill>
            </a:rPr>
            <a:t>】</a:t>
          </a:r>
          <a:r>
            <a:rPr kumimoji="1" lang="ja-JP" altLang="en-US" sz="1400">
              <a:solidFill>
                <a:schemeClr val="tx1"/>
              </a:solidFill>
            </a:rPr>
            <a:t>に反映される</a:t>
          </a:r>
          <a:endParaRPr kumimoji="1" lang="en-US" altLang="ja-JP" sz="1400">
            <a:solidFill>
              <a:schemeClr val="tx1"/>
            </a:solidFill>
          </a:endParaRPr>
        </a:p>
      </xdr:txBody>
    </xdr:sp>
    <xdr:clientData/>
  </xdr:twoCellAnchor>
  <xdr:twoCellAnchor editAs="oneCell">
    <xdr:from>
      <xdr:col>9</xdr:col>
      <xdr:colOff>168699</xdr:colOff>
      <xdr:row>42</xdr:row>
      <xdr:rowOff>109482</xdr:rowOff>
    </xdr:from>
    <xdr:to>
      <xdr:col>13</xdr:col>
      <xdr:colOff>36494</xdr:colOff>
      <xdr:row>59</xdr:row>
      <xdr:rowOff>197068</xdr:rowOff>
    </xdr:to>
    <xdr:pic>
      <xdr:nvPicPr>
        <xdr:cNvPr id="17" name="図 16"/>
        <xdr:cNvPicPr>
          <a:picLocks noChangeAspect="1"/>
        </xdr:cNvPicPr>
      </xdr:nvPicPr>
      <xdr:blipFill rotWithShape="1">
        <a:blip xmlns:r="http://schemas.openxmlformats.org/officeDocument/2006/relationships" r:embed="rId2" cstate="email">
          <a:extLst>
            <a:ext uri="{28A0092B-C50C-407E-A947-70E740481C1C}">
              <a14:useLocalDpi xmlns:a14="http://schemas.microsoft.com/office/drawing/2010/main"/>
            </a:ext>
          </a:extLst>
        </a:blip>
        <a:srcRect/>
        <a:stretch/>
      </xdr:blipFill>
      <xdr:spPr>
        <a:xfrm>
          <a:off x="5314389" y="7225861"/>
          <a:ext cx="1999059" cy="3934081"/>
        </a:xfrm>
        <a:prstGeom prst="rect">
          <a:avLst/>
        </a:prstGeom>
        <a:ln>
          <a:solidFill>
            <a:schemeClr val="tx1"/>
          </a:solidFill>
        </a:ln>
      </xdr:spPr>
    </xdr:pic>
    <xdr:clientData/>
  </xdr:twoCellAnchor>
  <xdr:twoCellAnchor>
    <xdr:from>
      <xdr:col>9</xdr:col>
      <xdr:colOff>255459</xdr:colOff>
      <xdr:row>49</xdr:row>
      <xdr:rowOff>42044</xdr:rowOff>
    </xdr:from>
    <xdr:to>
      <xdr:col>12</xdr:col>
      <xdr:colOff>102184</xdr:colOff>
      <xdr:row>51</xdr:row>
      <xdr:rowOff>0</xdr:rowOff>
    </xdr:to>
    <xdr:sp macro="" textlink="">
      <xdr:nvSpPr>
        <xdr:cNvPr id="18" name="角丸四角形 17"/>
        <xdr:cNvSpPr/>
      </xdr:nvSpPr>
      <xdr:spPr>
        <a:xfrm>
          <a:off x="5401149" y="8742274"/>
          <a:ext cx="1445173" cy="410485"/>
        </a:xfrm>
        <a:prstGeom prst="roundRect">
          <a:avLst/>
        </a:prstGeom>
        <a:noFill/>
        <a:ln w="571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endParaRPr kumimoji="1" lang="en-US" altLang="ja-JP" sz="1400">
            <a:solidFill>
              <a:schemeClr val="tx1"/>
            </a:solidFill>
          </a:endParaRPr>
        </a:p>
      </xdr:txBody>
    </xdr:sp>
    <xdr:clientData/>
  </xdr:twoCellAnchor>
  <xdr:twoCellAnchor editAs="oneCell">
    <xdr:from>
      <xdr:col>19</xdr:col>
      <xdr:colOff>510919</xdr:colOff>
      <xdr:row>42</xdr:row>
      <xdr:rowOff>124079</xdr:rowOff>
    </xdr:from>
    <xdr:to>
      <xdr:col>23</xdr:col>
      <xdr:colOff>401437</xdr:colOff>
      <xdr:row>60</xdr:row>
      <xdr:rowOff>7297</xdr:rowOff>
    </xdr:to>
    <xdr:pic>
      <xdr:nvPicPr>
        <xdr:cNvPr id="19" name="図 18"/>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a:ext>
          </a:extLst>
        </a:blip>
        <a:srcRect/>
        <a:stretch/>
      </xdr:blipFill>
      <xdr:spPr>
        <a:xfrm>
          <a:off x="10984770" y="7240458"/>
          <a:ext cx="2021782" cy="3955977"/>
        </a:xfrm>
        <a:prstGeom prst="rect">
          <a:avLst/>
        </a:prstGeom>
        <a:ln>
          <a:solidFill>
            <a:schemeClr val="tx1"/>
          </a:solidFill>
        </a:ln>
      </xdr:spPr>
    </xdr:pic>
    <xdr:clientData/>
  </xdr:twoCellAnchor>
  <xdr:twoCellAnchor>
    <xdr:from>
      <xdr:col>20</xdr:col>
      <xdr:colOff>72112</xdr:colOff>
      <xdr:row>49</xdr:row>
      <xdr:rowOff>84961</xdr:rowOff>
    </xdr:from>
    <xdr:to>
      <xdr:col>22</xdr:col>
      <xdr:colOff>451653</xdr:colOff>
      <xdr:row>51</xdr:row>
      <xdr:rowOff>42917</xdr:rowOff>
    </xdr:to>
    <xdr:sp macro="" textlink="">
      <xdr:nvSpPr>
        <xdr:cNvPr id="20" name="角丸四角形 19"/>
        <xdr:cNvSpPr/>
      </xdr:nvSpPr>
      <xdr:spPr>
        <a:xfrm>
          <a:off x="11078779" y="8785191"/>
          <a:ext cx="1445173" cy="410485"/>
        </a:xfrm>
        <a:prstGeom prst="roundRect">
          <a:avLst/>
        </a:prstGeom>
        <a:noFill/>
        <a:ln w="57150">
          <a:solidFill>
            <a:srgbClr val="00B05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endParaRPr kumimoji="1" lang="en-US" altLang="ja-JP" sz="1400">
            <a:solidFill>
              <a:schemeClr val="tx1"/>
            </a:solidFill>
          </a:endParaRPr>
        </a:p>
      </xdr:txBody>
    </xdr:sp>
    <xdr:clientData/>
  </xdr:twoCellAnchor>
  <xdr:twoCellAnchor>
    <xdr:from>
      <xdr:col>6</xdr:col>
      <xdr:colOff>226265</xdr:colOff>
      <xdr:row>48</xdr:row>
      <xdr:rowOff>218965</xdr:rowOff>
    </xdr:from>
    <xdr:to>
      <xdr:col>9</xdr:col>
      <xdr:colOff>72989</xdr:colOff>
      <xdr:row>51</xdr:row>
      <xdr:rowOff>167873</xdr:rowOff>
    </xdr:to>
    <xdr:sp macro="" textlink="">
      <xdr:nvSpPr>
        <xdr:cNvPr id="21" name="正方形/長方形 20"/>
        <xdr:cNvSpPr/>
      </xdr:nvSpPr>
      <xdr:spPr>
        <a:xfrm>
          <a:off x="3773506" y="8692931"/>
          <a:ext cx="1445173" cy="627701"/>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b="1"/>
            <a:t>リンク（反映）</a:t>
          </a:r>
        </a:p>
      </xdr:txBody>
    </xdr:sp>
    <xdr:clientData/>
  </xdr:twoCellAnchor>
  <xdr:twoCellAnchor>
    <xdr:from>
      <xdr:col>17</xdr:col>
      <xdr:colOff>50216</xdr:colOff>
      <xdr:row>49</xdr:row>
      <xdr:rowOff>42918</xdr:rowOff>
    </xdr:from>
    <xdr:to>
      <xdr:col>19</xdr:col>
      <xdr:colOff>429756</xdr:colOff>
      <xdr:row>51</xdr:row>
      <xdr:rowOff>218090</xdr:rowOff>
    </xdr:to>
    <xdr:sp macro="" textlink="">
      <xdr:nvSpPr>
        <xdr:cNvPr id="22" name="正方形/長方形 21"/>
        <xdr:cNvSpPr/>
      </xdr:nvSpPr>
      <xdr:spPr>
        <a:xfrm>
          <a:off x="9458434" y="8743148"/>
          <a:ext cx="1445173" cy="627701"/>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400" b="1"/>
            <a:t>リンク（反映）</a:t>
          </a:r>
        </a:p>
      </xdr:txBody>
    </xdr:sp>
    <xdr:clientData/>
  </xdr:twoCellAnchor>
  <xdr:twoCellAnchor editAs="oneCell">
    <xdr:from>
      <xdr:col>25</xdr:col>
      <xdr:colOff>240862</xdr:colOff>
      <xdr:row>19</xdr:row>
      <xdr:rowOff>29194</xdr:rowOff>
    </xdr:from>
    <xdr:to>
      <xdr:col>32</xdr:col>
      <xdr:colOff>102184</xdr:colOff>
      <xdr:row>28</xdr:row>
      <xdr:rowOff>51092</xdr:rowOff>
    </xdr:to>
    <xdr:pic>
      <xdr:nvPicPr>
        <xdr:cNvPr id="24" name="図 23"/>
        <xdr:cNvPicPr>
          <a:picLocks noChangeAspect="1"/>
        </xdr:cNvPicPr>
      </xdr:nvPicPr>
      <xdr:blipFill rotWithShape="1">
        <a:blip xmlns:r="http://schemas.openxmlformats.org/officeDocument/2006/relationships" r:embed="rId4" cstate="email">
          <a:extLst>
            <a:ext uri="{28A0092B-C50C-407E-A947-70E740481C1C}">
              <a14:useLocalDpi xmlns:a14="http://schemas.microsoft.com/office/drawing/2010/main"/>
            </a:ext>
          </a:extLst>
        </a:blip>
        <a:srcRect/>
        <a:stretch/>
      </xdr:blipFill>
      <xdr:spPr>
        <a:xfrm>
          <a:off x="14159770" y="3912183"/>
          <a:ext cx="4459598" cy="1072932"/>
        </a:xfrm>
        <a:prstGeom prst="rect">
          <a:avLst/>
        </a:prstGeom>
      </xdr:spPr>
    </xdr:pic>
    <xdr:clientData/>
  </xdr:twoCellAnchor>
  <xdr:twoCellAnchor editAs="oneCell">
    <xdr:from>
      <xdr:col>25</xdr:col>
      <xdr:colOff>218089</xdr:colOff>
      <xdr:row>28</xdr:row>
      <xdr:rowOff>116780</xdr:rowOff>
    </xdr:from>
    <xdr:to>
      <xdr:col>32</xdr:col>
      <xdr:colOff>102183</xdr:colOff>
      <xdr:row>41</xdr:row>
      <xdr:rowOff>189769</xdr:rowOff>
    </xdr:to>
    <xdr:pic>
      <xdr:nvPicPr>
        <xdr:cNvPr id="25" name="図 24"/>
        <xdr:cNvPicPr>
          <a:picLocks noChangeAspect="1"/>
        </xdr:cNvPicPr>
      </xdr:nvPicPr>
      <xdr:blipFill rotWithShape="1">
        <a:blip xmlns:r="http://schemas.openxmlformats.org/officeDocument/2006/relationships" r:embed="rId5" cstate="email">
          <a:extLst>
            <a:ext uri="{28A0092B-C50C-407E-A947-70E740481C1C}">
              <a14:useLocalDpi xmlns:a14="http://schemas.microsoft.com/office/drawing/2010/main"/>
            </a:ext>
          </a:extLst>
        </a:blip>
        <a:srcRect/>
        <a:stretch/>
      </xdr:blipFill>
      <xdr:spPr>
        <a:xfrm>
          <a:off x="14136997" y="5050803"/>
          <a:ext cx="4482370" cy="2029081"/>
        </a:xfrm>
        <a:prstGeom prst="rect">
          <a:avLst/>
        </a:prstGeom>
      </xdr:spPr>
    </xdr:pic>
    <xdr:clientData/>
  </xdr:twoCellAnchor>
</xdr:wsDr>
</file>

<file path=xl/drawings/drawing8.xml><?xml version="1.0" encoding="utf-8"?>
<xdr:wsDr xmlns:xdr="http://schemas.openxmlformats.org/drawingml/2006/spreadsheetDrawing" xmlns:a="http://schemas.openxmlformats.org/drawingml/2006/main">
  <xdr:twoCellAnchor editAs="oneCell">
    <xdr:from>
      <xdr:col>21</xdr:col>
      <xdr:colOff>12429</xdr:colOff>
      <xdr:row>4</xdr:row>
      <xdr:rowOff>562935</xdr:rowOff>
    </xdr:from>
    <xdr:to>
      <xdr:col>26</xdr:col>
      <xdr:colOff>348212</xdr:colOff>
      <xdr:row>8</xdr:row>
      <xdr:rowOff>2344</xdr:rowOff>
    </xdr:to>
    <xdr:pic>
      <xdr:nvPicPr>
        <xdr:cNvPr id="2" name="図 1"/>
        <xdr:cNvPicPr>
          <a:picLocks noChangeAspect="1"/>
        </xdr:cNvPicPr>
      </xdr:nvPicPr>
      <xdr:blipFill rotWithShape="1">
        <a:blip xmlns:r="http://schemas.openxmlformats.org/officeDocument/2006/relationships" r:embed="rId1" cstate="email">
          <a:extLst>
            <a:ext uri="{28A0092B-C50C-407E-A947-70E740481C1C}">
              <a14:useLocalDpi xmlns:a14="http://schemas.microsoft.com/office/drawing/2010/main"/>
            </a:ext>
          </a:extLst>
        </a:blip>
        <a:srcRect/>
        <a:stretch/>
      </xdr:blipFill>
      <xdr:spPr>
        <a:xfrm>
          <a:off x="12464268" y="3475176"/>
          <a:ext cx="3620266" cy="1158621"/>
        </a:xfrm>
        <a:prstGeom prst="rect">
          <a:avLst/>
        </a:prstGeom>
      </xdr:spPr>
    </xdr:pic>
    <xdr:clientData/>
  </xdr:twoCellAnchor>
  <xdr:twoCellAnchor editAs="oneCell">
    <xdr:from>
      <xdr:col>21</xdr:col>
      <xdr:colOff>26347</xdr:colOff>
      <xdr:row>3</xdr:row>
      <xdr:rowOff>189747</xdr:rowOff>
    </xdr:from>
    <xdr:to>
      <xdr:col>26</xdr:col>
      <xdr:colOff>363505</xdr:colOff>
      <xdr:row>4</xdr:row>
      <xdr:rowOff>607752</xdr:rowOff>
    </xdr:to>
    <xdr:pic>
      <xdr:nvPicPr>
        <xdr:cNvPr id="3" name="図 2"/>
        <xdr:cNvPicPr>
          <a:picLocks noChangeAspect="1"/>
        </xdr:cNvPicPr>
      </xdr:nvPicPr>
      <xdr:blipFill rotWithShape="1">
        <a:blip xmlns:r="http://schemas.openxmlformats.org/officeDocument/2006/relationships" r:embed="rId2" cstate="email">
          <a:extLst>
            <a:ext uri="{28A0092B-C50C-407E-A947-70E740481C1C}">
              <a14:useLocalDpi xmlns:a14="http://schemas.microsoft.com/office/drawing/2010/main"/>
            </a:ext>
          </a:extLst>
        </a:blip>
        <a:srcRect/>
        <a:stretch/>
      </xdr:blipFill>
      <xdr:spPr>
        <a:xfrm>
          <a:off x="12478186" y="2539977"/>
          <a:ext cx="3621641" cy="980016"/>
        </a:xfrm>
        <a:prstGeom prst="rect">
          <a:avLst/>
        </a:prstGeom>
      </xdr:spPr>
    </xdr:pic>
    <xdr:clientData/>
  </xdr:twoCellAnchor>
  <xdr:twoCellAnchor editAs="oneCell">
    <xdr:from>
      <xdr:col>21</xdr:col>
      <xdr:colOff>7463</xdr:colOff>
      <xdr:row>0</xdr:row>
      <xdr:rowOff>344714</xdr:rowOff>
    </xdr:from>
    <xdr:to>
      <xdr:col>26</xdr:col>
      <xdr:colOff>376952</xdr:colOff>
      <xdr:row>3</xdr:row>
      <xdr:rowOff>222372</xdr:rowOff>
    </xdr:to>
    <xdr:pic>
      <xdr:nvPicPr>
        <xdr:cNvPr id="4" name="図 3"/>
        <xdr:cNvPicPr>
          <a:picLocks noChangeAspect="1"/>
        </xdr:cNvPicPr>
      </xdr:nvPicPr>
      <xdr:blipFill rotWithShape="1">
        <a:blip xmlns:r="http://schemas.openxmlformats.org/officeDocument/2006/relationships" r:embed="rId3" cstate="email">
          <a:extLst>
            <a:ext uri="{28A0092B-C50C-407E-A947-70E740481C1C}">
              <a14:useLocalDpi xmlns:a14="http://schemas.microsoft.com/office/drawing/2010/main"/>
            </a:ext>
          </a:extLst>
        </a:blip>
        <a:srcRect/>
        <a:stretch/>
      </xdr:blipFill>
      <xdr:spPr>
        <a:xfrm>
          <a:off x="12459302" y="344714"/>
          <a:ext cx="3653972" cy="2227888"/>
        </a:xfrm>
        <a:prstGeom prst="rect">
          <a:avLst/>
        </a:prstGeom>
      </xdr:spPr>
    </xdr:pic>
    <xdr:clientData/>
  </xdr:twoCellAnchor>
  <xdr:twoCellAnchor>
    <xdr:from>
      <xdr:col>17</xdr:col>
      <xdr:colOff>313899</xdr:colOff>
      <xdr:row>2</xdr:row>
      <xdr:rowOff>462642</xdr:rowOff>
    </xdr:from>
    <xdr:to>
      <xdr:col>20</xdr:col>
      <xdr:colOff>80059</xdr:colOff>
      <xdr:row>4</xdr:row>
      <xdr:rowOff>132182</xdr:rowOff>
    </xdr:to>
    <xdr:sp macro="" textlink="">
      <xdr:nvSpPr>
        <xdr:cNvPr id="5" name="右矢印 4"/>
        <xdr:cNvSpPr/>
      </xdr:nvSpPr>
      <xdr:spPr>
        <a:xfrm rot="10800000">
          <a:off x="10502121" y="1774975"/>
          <a:ext cx="1445382" cy="1391096"/>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93852</xdr:colOff>
      <xdr:row>4</xdr:row>
      <xdr:rowOff>217483</xdr:rowOff>
    </xdr:from>
    <xdr:to>
      <xdr:col>21</xdr:col>
      <xdr:colOff>191824</xdr:colOff>
      <xdr:row>4</xdr:row>
      <xdr:rowOff>800648</xdr:rowOff>
    </xdr:to>
    <xdr:sp macro="" textlink="">
      <xdr:nvSpPr>
        <xdr:cNvPr id="6" name="正方形/長方形 5"/>
        <xdr:cNvSpPr/>
      </xdr:nvSpPr>
      <xdr:spPr>
        <a:xfrm>
          <a:off x="10282074" y="3251372"/>
          <a:ext cx="2440417" cy="583165"/>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050" b="1">
              <a:solidFill>
                <a:srgbClr val="0070C0"/>
              </a:solidFill>
            </a:rPr>
            <a:t>語尾を「～ができるようにする。」に変える。</a:t>
          </a:r>
        </a:p>
      </xdr:txBody>
    </xdr:sp>
    <xdr:clientData/>
  </xdr:twoCellAnchor>
  <xdr:twoCellAnchor editAs="oneCell">
    <xdr:from>
      <xdr:col>20</xdr:col>
      <xdr:colOff>203517</xdr:colOff>
      <xdr:row>25</xdr:row>
      <xdr:rowOff>28863</xdr:rowOff>
    </xdr:from>
    <xdr:to>
      <xdr:col>21</xdr:col>
      <xdr:colOff>125764</xdr:colOff>
      <xdr:row>29</xdr:row>
      <xdr:rowOff>245339</xdr:rowOff>
    </xdr:to>
    <xdr:pic>
      <xdr:nvPicPr>
        <xdr:cNvPr id="7" name="図 6"/>
        <xdr:cNvPicPr>
          <a:picLocks noChangeAspect="1"/>
        </xdr:cNvPicPr>
      </xdr:nvPicPr>
      <xdr:blipFill rotWithShape="1">
        <a:blip xmlns:r="http://schemas.openxmlformats.org/officeDocument/2006/relationships" r:embed="rId4" cstate="email">
          <a:extLst>
            <a:ext uri="{28A0092B-C50C-407E-A947-70E740481C1C}">
              <a14:useLocalDpi xmlns:a14="http://schemas.microsoft.com/office/drawing/2010/main"/>
            </a:ext>
          </a:extLst>
        </a:blip>
        <a:srcRect/>
        <a:stretch/>
      </xdr:blipFill>
      <xdr:spPr>
        <a:xfrm>
          <a:off x="12052040" y="10621818"/>
          <a:ext cx="586110" cy="2121477"/>
        </a:xfrm>
        <a:prstGeom prst="rect">
          <a:avLst/>
        </a:prstGeom>
      </xdr:spPr>
    </xdr:pic>
    <xdr:clientData/>
  </xdr:twoCellAnchor>
  <xdr:twoCellAnchor>
    <xdr:from>
      <xdr:col>20</xdr:col>
      <xdr:colOff>189604</xdr:colOff>
      <xdr:row>30</xdr:row>
      <xdr:rowOff>65232</xdr:rowOff>
    </xdr:from>
    <xdr:to>
      <xdr:col>26</xdr:col>
      <xdr:colOff>532245</xdr:colOff>
      <xdr:row>31</xdr:row>
      <xdr:rowOff>90632</xdr:rowOff>
    </xdr:to>
    <xdr:sp macro="" textlink="">
      <xdr:nvSpPr>
        <xdr:cNvPr id="8" name="正方形/長方形 7"/>
        <xdr:cNvSpPr/>
      </xdr:nvSpPr>
      <xdr:spPr>
        <a:xfrm>
          <a:off x="12038127" y="13039437"/>
          <a:ext cx="4325823" cy="50165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rgbClr val="002060"/>
              </a:solidFill>
            </a:rPr>
            <a:t>プルダウン（ドロップリスト）から選択できます。</a:t>
          </a:r>
        </a:p>
      </xdr:txBody>
    </xdr:sp>
    <xdr:clientData/>
  </xdr:twoCellAnchor>
  <xdr:twoCellAnchor editAs="oneCell">
    <xdr:from>
      <xdr:col>22</xdr:col>
      <xdr:colOff>11650</xdr:colOff>
      <xdr:row>25</xdr:row>
      <xdr:rowOff>43296</xdr:rowOff>
    </xdr:from>
    <xdr:to>
      <xdr:col>23</xdr:col>
      <xdr:colOff>87852</xdr:colOff>
      <xdr:row>29</xdr:row>
      <xdr:rowOff>230909</xdr:rowOff>
    </xdr:to>
    <xdr:pic>
      <xdr:nvPicPr>
        <xdr:cNvPr id="9" name="図 8"/>
        <xdr:cNvPicPr>
          <a:picLocks noChangeAspect="1"/>
        </xdr:cNvPicPr>
      </xdr:nvPicPr>
      <xdr:blipFill rotWithShape="1">
        <a:blip xmlns:r="http://schemas.openxmlformats.org/officeDocument/2006/relationships" r:embed="rId5" cstate="email">
          <a:extLst>
            <a:ext uri="{28A0092B-C50C-407E-A947-70E740481C1C}">
              <a14:useLocalDpi xmlns:a14="http://schemas.microsoft.com/office/drawing/2010/main"/>
            </a:ext>
          </a:extLst>
        </a:blip>
        <a:srcRect/>
        <a:stretch/>
      </xdr:blipFill>
      <xdr:spPr>
        <a:xfrm>
          <a:off x="13187900" y="10636251"/>
          <a:ext cx="740066" cy="2092614"/>
        </a:xfrm>
        <a:prstGeom prst="rect">
          <a:avLst/>
        </a:prstGeom>
      </xdr:spPr>
    </xdr:pic>
    <xdr:clientData/>
  </xdr:twoCellAnchor>
  <xdr:twoCellAnchor editAs="oneCell">
    <xdr:from>
      <xdr:col>23</xdr:col>
      <xdr:colOff>536840</xdr:colOff>
      <xdr:row>24</xdr:row>
      <xdr:rowOff>461817</xdr:rowOff>
    </xdr:from>
    <xdr:to>
      <xdr:col>30</xdr:col>
      <xdr:colOff>352689</xdr:colOff>
      <xdr:row>29</xdr:row>
      <xdr:rowOff>404089</xdr:rowOff>
    </xdr:to>
    <xdr:pic>
      <xdr:nvPicPr>
        <xdr:cNvPr id="10" name="図 9"/>
        <xdr:cNvPicPr>
          <a:picLocks noChangeAspect="1"/>
        </xdr:cNvPicPr>
      </xdr:nvPicPr>
      <xdr:blipFill rotWithShape="1">
        <a:blip xmlns:r="http://schemas.openxmlformats.org/officeDocument/2006/relationships" r:embed="rId6" cstate="email">
          <a:extLst>
            <a:ext uri="{28A0092B-C50C-407E-A947-70E740481C1C}">
              <a14:useLocalDpi xmlns:a14="http://schemas.microsoft.com/office/drawing/2010/main"/>
            </a:ext>
          </a:extLst>
        </a:blip>
        <a:srcRect/>
        <a:stretch/>
      </xdr:blipFill>
      <xdr:spPr>
        <a:xfrm>
          <a:off x="14376954" y="10578522"/>
          <a:ext cx="4462894" cy="2323523"/>
        </a:xfrm>
        <a:prstGeom prst="rect">
          <a:avLst/>
        </a:prstGeom>
      </xdr:spPr>
    </xdr:pic>
    <xdr:clientData/>
  </xdr:twoCellAnchor>
  <xdr:twoCellAnchor editAs="oneCell">
    <xdr:from>
      <xdr:col>20</xdr:col>
      <xdr:colOff>153556</xdr:colOff>
      <xdr:row>31</xdr:row>
      <xdr:rowOff>-1</xdr:rowOff>
    </xdr:from>
    <xdr:to>
      <xdr:col>27</xdr:col>
      <xdr:colOff>375807</xdr:colOff>
      <xdr:row>34</xdr:row>
      <xdr:rowOff>230909</xdr:rowOff>
    </xdr:to>
    <xdr:pic>
      <xdr:nvPicPr>
        <xdr:cNvPr id="12" name="図 11"/>
        <xdr:cNvPicPr>
          <a:picLocks noChangeAspect="1"/>
        </xdr:cNvPicPr>
      </xdr:nvPicPr>
      <xdr:blipFill rotWithShape="1">
        <a:blip xmlns:r="http://schemas.openxmlformats.org/officeDocument/2006/relationships" r:embed="rId7" cstate="email">
          <a:extLst>
            <a:ext uri="{28A0092B-C50C-407E-A947-70E740481C1C}">
              <a14:useLocalDpi xmlns:a14="http://schemas.microsoft.com/office/drawing/2010/main"/>
            </a:ext>
          </a:extLst>
        </a:blip>
        <a:srcRect/>
        <a:stretch/>
      </xdr:blipFill>
      <xdr:spPr>
        <a:xfrm>
          <a:off x="12002079" y="13450454"/>
          <a:ext cx="4869296" cy="1659660"/>
        </a:xfrm>
        <a:prstGeom prst="rect">
          <a:avLst/>
        </a:prstGeom>
      </xdr:spPr>
    </xdr:pic>
    <xdr:clientData/>
  </xdr:twoCellAnchor>
  <xdr:twoCellAnchor editAs="oneCell">
    <xdr:from>
      <xdr:col>20</xdr:col>
      <xdr:colOff>153554</xdr:colOff>
      <xdr:row>35</xdr:row>
      <xdr:rowOff>303067</xdr:rowOff>
    </xdr:from>
    <xdr:to>
      <xdr:col>27</xdr:col>
      <xdr:colOff>147206</xdr:colOff>
      <xdr:row>40</xdr:row>
      <xdr:rowOff>6926</xdr:rowOff>
    </xdr:to>
    <xdr:pic>
      <xdr:nvPicPr>
        <xdr:cNvPr id="13" name="図 12"/>
        <xdr:cNvPicPr>
          <a:picLocks noChangeAspect="1"/>
        </xdr:cNvPicPr>
      </xdr:nvPicPr>
      <xdr:blipFill rotWithShape="1">
        <a:blip xmlns:r="http://schemas.openxmlformats.org/officeDocument/2006/relationships" r:embed="rId8" cstate="email">
          <a:extLst>
            <a:ext uri="{28A0092B-C50C-407E-A947-70E740481C1C}">
              <a14:useLocalDpi xmlns:a14="http://schemas.microsoft.com/office/drawing/2010/main"/>
            </a:ext>
          </a:extLst>
        </a:blip>
        <a:srcRect/>
        <a:stretch/>
      </xdr:blipFill>
      <xdr:spPr>
        <a:xfrm>
          <a:off x="12002077" y="15658522"/>
          <a:ext cx="4640697" cy="1839769"/>
        </a:xfrm>
        <a:prstGeom prst="rect">
          <a:avLst/>
        </a:prstGeom>
      </xdr:spPr>
    </xdr:pic>
    <xdr:clientData/>
  </xdr:twoCellAnchor>
  <xdr:twoCellAnchor>
    <xdr:from>
      <xdr:col>19</xdr:col>
      <xdr:colOff>18473</xdr:colOff>
      <xdr:row>30</xdr:row>
      <xdr:rowOff>14432</xdr:rowOff>
    </xdr:from>
    <xdr:to>
      <xdr:col>20</xdr:col>
      <xdr:colOff>132772</xdr:colOff>
      <xdr:row>31</xdr:row>
      <xdr:rowOff>27132</xdr:rowOff>
    </xdr:to>
    <xdr:sp macro="" textlink="">
      <xdr:nvSpPr>
        <xdr:cNvPr id="14" name="正方形/長方形 13"/>
        <xdr:cNvSpPr/>
      </xdr:nvSpPr>
      <xdr:spPr>
        <a:xfrm>
          <a:off x="11203132" y="12988637"/>
          <a:ext cx="778163" cy="488950"/>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t>注意！！</a:t>
          </a:r>
        </a:p>
      </xdr:txBody>
    </xdr:sp>
    <xdr:clientData/>
  </xdr:twoCellAnchor>
  <xdr:twoCellAnchor>
    <xdr:from>
      <xdr:col>20</xdr:col>
      <xdr:colOff>186140</xdr:colOff>
      <xdr:row>34</xdr:row>
      <xdr:rowOff>217054</xdr:rowOff>
    </xdr:from>
    <xdr:to>
      <xdr:col>26</xdr:col>
      <xdr:colOff>532245</xdr:colOff>
      <xdr:row>35</xdr:row>
      <xdr:rowOff>248804</xdr:rowOff>
    </xdr:to>
    <xdr:sp macro="" textlink="">
      <xdr:nvSpPr>
        <xdr:cNvPr id="15" name="正方形/長方形 14"/>
        <xdr:cNvSpPr/>
      </xdr:nvSpPr>
      <xdr:spPr>
        <a:xfrm>
          <a:off x="12034663" y="15096259"/>
          <a:ext cx="4329287" cy="508000"/>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rgbClr val="002060"/>
              </a:solidFill>
            </a:rPr>
            <a:t>プルダウン（ドロップリスト）から選択できます。</a:t>
          </a:r>
        </a:p>
      </xdr:txBody>
    </xdr:sp>
    <xdr:clientData/>
  </xdr:twoCellAnchor>
  <xdr:twoCellAnchor>
    <xdr:from>
      <xdr:col>19</xdr:col>
      <xdr:colOff>31173</xdr:colOff>
      <xdr:row>34</xdr:row>
      <xdr:rowOff>89477</xdr:rowOff>
    </xdr:from>
    <xdr:to>
      <xdr:col>20</xdr:col>
      <xdr:colOff>145472</xdr:colOff>
      <xdr:row>35</xdr:row>
      <xdr:rowOff>108527</xdr:rowOff>
    </xdr:to>
    <xdr:sp macro="" textlink="">
      <xdr:nvSpPr>
        <xdr:cNvPr id="16" name="正方形/長方形 15"/>
        <xdr:cNvSpPr/>
      </xdr:nvSpPr>
      <xdr:spPr>
        <a:xfrm>
          <a:off x="11215832" y="14968682"/>
          <a:ext cx="778163" cy="495300"/>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t>注意！！</a:t>
          </a:r>
        </a:p>
      </xdr:txBody>
    </xdr:sp>
    <xdr:clientData/>
  </xdr:twoCellAnchor>
  <xdr:twoCellAnchor>
    <xdr:from>
      <xdr:col>17</xdr:col>
      <xdr:colOff>267277</xdr:colOff>
      <xdr:row>35</xdr:row>
      <xdr:rowOff>161636</xdr:rowOff>
    </xdr:from>
    <xdr:to>
      <xdr:col>18</xdr:col>
      <xdr:colOff>330778</xdr:colOff>
      <xdr:row>36</xdr:row>
      <xdr:rowOff>288636</xdr:rowOff>
    </xdr:to>
    <xdr:sp macro="" textlink="">
      <xdr:nvSpPr>
        <xdr:cNvPr id="17" name="右矢印 16"/>
        <xdr:cNvSpPr/>
      </xdr:nvSpPr>
      <xdr:spPr>
        <a:xfrm rot="10800000">
          <a:off x="10441709" y="15517091"/>
          <a:ext cx="568614" cy="6032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282864</xdr:colOff>
      <xdr:row>31</xdr:row>
      <xdr:rowOff>155286</xdr:rowOff>
    </xdr:from>
    <xdr:to>
      <xdr:col>18</xdr:col>
      <xdr:colOff>346365</xdr:colOff>
      <xdr:row>32</xdr:row>
      <xdr:rowOff>282286</xdr:rowOff>
    </xdr:to>
    <xdr:sp macro="" textlink="">
      <xdr:nvSpPr>
        <xdr:cNvPr id="18" name="右矢印 17"/>
        <xdr:cNvSpPr/>
      </xdr:nvSpPr>
      <xdr:spPr>
        <a:xfrm rot="10800000">
          <a:off x="10457296" y="13605741"/>
          <a:ext cx="568614" cy="60325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82752</xdr:colOff>
      <xdr:row>20</xdr:row>
      <xdr:rowOff>97659</xdr:rowOff>
    </xdr:from>
    <xdr:to>
      <xdr:col>26</xdr:col>
      <xdr:colOff>426005</xdr:colOff>
      <xdr:row>21</xdr:row>
      <xdr:rowOff>116731</xdr:rowOff>
    </xdr:to>
    <xdr:sp macro="" textlink="">
      <xdr:nvSpPr>
        <xdr:cNvPr id="19" name="正方形/長方形 18"/>
        <xdr:cNvSpPr/>
      </xdr:nvSpPr>
      <xdr:spPr>
        <a:xfrm>
          <a:off x="11877695" y="8235877"/>
          <a:ext cx="4284632" cy="500797"/>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rgbClr val="002060"/>
              </a:solidFill>
            </a:rPr>
            <a:t>プルダウン（ドロップリスト）から選択できます。</a:t>
          </a:r>
        </a:p>
      </xdr:txBody>
    </xdr:sp>
    <xdr:clientData/>
  </xdr:twoCellAnchor>
  <xdr:twoCellAnchor>
    <xdr:from>
      <xdr:col>18</xdr:col>
      <xdr:colOff>507154</xdr:colOff>
      <xdr:row>20</xdr:row>
      <xdr:rowOff>56980</xdr:rowOff>
    </xdr:from>
    <xdr:to>
      <xdr:col>20</xdr:col>
      <xdr:colOff>110535</xdr:colOff>
      <xdr:row>21</xdr:row>
      <xdr:rowOff>63352</xdr:rowOff>
    </xdr:to>
    <xdr:sp macro="" textlink="">
      <xdr:nvSpPr>
        <xdr:cNvPr id="20" name="正方形/長方形 19"/>
        <xdr:cNvSpPr/>
      </xdr:nvSpPr>
      <xdr:spPr>
        <a:xfrm>
          <a:off x="11134280" y="8195198"/>
          <a:ext cx="771198" cy="488097"/>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t>注意！！</a:t>
          </a:r>
        </a:p>
      </xdr:txBody>
    </xdr:sp>
    <xdr:clientData/>
  </xdr:twoCellAnchor>
  <xdr:twoCellAnchor>
    <xdr:from>
      <xdr:col>17</xdr:col>
      <xdr:colOff>284431</xdr:colOff>
      <xdr:row>21</xdr:row>
      <xdr:rowOff>43529</xdr:rowOff>
    </xdr:from>
    <xdr:to>
      <xdr:col>18</xdr:col>
      <xdr:colOff>344403</xdr:colOff>
      <xdr:row>22</xdr:row>
      <xdr:rowOff>164179</xdr:rowOff>
    </xdr:to>
    <xdr:sp macro="" textlink="">
      <xdr:nvSpPr>
        <xdr:cNvPr id="21" name="右矢印 20"/>
        <xdr:cNvSpPr/>
      </xdr:nvSpPr>
      <xdr:spPr>
        <a:xfrm rot="10800000">
          <a:off x="10472653" y="8848862"/>
          <a:ext cx="567972" cy="600428"/>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7</xdr:col>
      <xdr:colOff>257711</xdr:colOff>
      <xdr:row>26</xdr:row>
      <xdr:rowOff>134600</xdr:rowOff>
    </xdr:from>
    <xdr:to>
      <xdr:col>18</xdr:col>
      <xdr:colOff>321212</xdr:colOff>
      <xdr:row>27</xdr:row>
      <xdr:rowOff>255250</xdr:rowOff>
    </xdr:to>
    <xdr:sp macro="" textlink="">
      <xdr:nvSpPr>
        <xdr:cNvPr id="22" name="右矢印 21"/>
        <xdr:cNvSpPr/>
      </xdr:nvSpPr>
      <xdr:spPr>
        <a:xfrm rot="10800000">
          <a:off x="10432143" y="11203805"/>
          <a:ext cx="568614" cy="596900"/>
        </a:xfrm>
        <a:prstGeom prst="rightArrow">
          <a:avLst/>
        </a:prstGeom>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8</xdr:col>
      <xdr:colOff>492571</xdr:colOff>
      <xdr:row>24</xdr:row>
      <xdr:rowOff>44866</xdr:rowOff>
    </xdr:from>
    <xdr:to>
      <xdr:col>20</xdr:col>
      <xdr:colOff>101756</xdr:colOff>
      <xdr:row>25</xdr:row>
      <xdr:rowOff>57567</xdr:rowOff>
    </xdr:to>
    <xdr:sp macro="" textlink="">
      <xdr:nvSpPr>
        <xdr:cNvPr id="23" name="正方形/長方形 22"/>
        <xdr:cNvSpPr/>
      </xdr:nvSpPr>
      <xdr:spPr>
        <a:xfrm>
          <a:off x="11172116" y="10161571"/>
          <a:ext cx="778163" cy="488951"/>
        </a:xfrm>
        <a:prstGeom prst="rect">
          <a:avLst/>
        </a:prstGeom>
        <a:solidFill>
          <a:srgbClr val="E91FDB"/>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t>注意！！</a:t>
          </a:r>
        </a:p>
      </xdr:txBody>
    </xdr:sp>
    <xdr:clientData/>
  </xdr:twoCellAnchor>
  <xdr:twoCellAnchor>
    <xdr:from>
      <xdr:col>20</xdr:col>
      <xdr:colOff>74221</xdr:colOff>
      <xdr:row>24</xdr:row>
      <xdr:rowOff>104851</xdr:rowOff>
    </xdr:from>
    <xdr:to>
      <xdr:col>26</xdr:col>
      <xdr:colOff>418117</xdr:colOff>
      <xdr:row>25</xdr:row>
      <xdr:rowOff>130252</xdr:rowOff>
    </xdr:to>
    <xdr:sp macro="" textlink="">
      <xdr:nvSpPr>
        <xdr:cNvPr id="24" name="正方形/長方形 23"/>
        <xdr:cNvSpPr/>
      </xdr:nvSpPr>
      <xdr:spPr>
        <a:xfrm>
          <a:off x="11922744" y="10221556"/>
          <a:ext cx="4327078" cy="501651"/>
        </a:xfrm>
        <a:prstGeom prst="rect">
          <a:avLst/>
        </a:prstGeom>
        <a:no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400">
              <a:solidFill>
                <a:srgbClr val="002060"/>
              </a:solidFill>
            </a:rPr>
            <a:t>プルダウン（ドロップリスト）から選択できます。</a:t>
          </a:r>
        </a:p>
      </xdr:txBody>
    </xdr:sp>
    <xdr:clientData/>
  </xdr:twoCellAnchor>
  <xdr:twoCellAnchor>
    <xdr:from>
      <xdr:col>21</xdr:col>
      <xdr:colOff>423823</xdr:colOff>
      <xdr:row>28</xdr:row>
      <xdr:rowOff>245340</xdr:rowOff>
    </xdr:from>
    <xdr:to>
      <xdr:col>23</xdr:col>
      <xdr:colOff>255353</xdr:colOff>
      <xdr:row>29</xdr:row>
      <xdr:rowOff>135187</xdr:rowOff>
    </xdr:to>
    <xdr:sp macro="" textlink="">
      <xdr:nvSpPr>
        <xdr:cNvPr id="25" name="角丸四角形 24"/>
        <xdr:cNvSpPr/>
      </xdr:nvSpPr>
      <xdr:spPr>
        <a:xfrm>
          <a:off x="12936209" y="12267045"/>
          <a:ext cx="1159258" cy="366097"/>
        </a:xfrm>
        <a:prstGeom prst="roundRect">
          <a:avLst/>
        </a:prstGeom>
        <a:solidFill>
          <a:srgbClr val="FFFF0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002060"/>
              </a:solidFill>
            </a:rPr>
            <a:t>「型」を選択</a:t>
          </a:r>
        </a:p>
      </xdr:txBody>
    </xdr:sp>
    <xdr:clientData/>
  </xdr:twoCellAnchor>
  <xdr:twoCellAnchor>
    <xdr:from>
      <xdr:col>24</xdr:col>
      <xdr:colOff>279046</xdr:colOff>
      <xdr:row>28</xdr:row>
      <xdr:rowOff>202046</xdr:rowOff>
    </xdr:from>
    <xdr:to>
      <xdr:col>30</xdr:col>
      <xdr:colOff>28864</xdr:colOff>
      <xdr:row>29</xdr:row>
      <xdr:rowOff>202046</xdr:rowOff>
    </xdr:to>
    <xdr:sp macro="" textlink="">
      <xdr:nvSpPr>
        <xdr:cNvPr id="26" name="角丸四角形 25"/>
        <xdr:cNvSpPr/>
      </xdr:nvSpPr>
      <xdr:spPr>
        <a:xfrm>
          <a:off x="14783023" y="12223751"/>
          <a:ext cx="3733000" cy="476250"/>
        </a:xfrm>
        <a:prstGeom prst="roundRect">
          <a:avLst/>
        </a:prstGeom>
        <a:solidFill>
          <a:srgbClr val="FFFF0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100">
              <a:solidFill>
                <a:srgbClr val="002060"/>
              </a:solidFill>
            </a:rPr>
            <a:t>「型」に応じた”評価規準”が選択できます。</a:t>
          </a:r>
        </a:p>
      </xdr:txBody>
    </xdr:sp>
    <xdr:clientData/>
  </xdr:twoCellAnchor>
  <xdr:twoCellAnchor>
    <xdr:from>
      <xdr:col>21</xdr:col>
      <xdr:colOff>7070</xdr:colOff>
      <xdr:row>25</xdr:row>
      <xdr:rowOff>65974</xdr:rowOff>
    </xdr:from>
    <xdr:to>
      <xdr:col>22</xdr:col>
      <xdr:colOff>39467</xdr:colOff>
      <xdr:row>25</xdr:row>
      <xdr:rowOff>338117</xdr:rowOff>
    </xdr:to>
    <xdr:sp macro="" textlink="">
      <xdr:nvSpPr>
        <xdr:cNvPr id="27" name="下カーブ矢印 26"/>
        <xdr:cNvSpPr/>
      </xdr:nvSpPr>
      <xdr:spPr>
        <a:xfrm>
          <a:off x="12519456" y="10658929"/>
          <a:ext cx="696261" cy="272143"/>
        </a:xfrm>
        <a:prstGeom prst="curvedDownArrow">
          <a:avLst/>
        </a:prstGeom>
        <a:solidFill>
          <a:srgbClr val="FFFF0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twoCellAnchor>
    <xdr:from>
      <xdr:col>22</xdr:col>
      <xdr:colOff>568274</xdr:colOff>
      <xdr:row>25</xdr:row>
      <xdr:rowOff>51377</xdr:rowOff>
    </xdr:from>
    <xdr:to>
      <xdr:col>23</xdr:col>
      <xdr:colOff>597301</xdr:colOff>
      <xdr:row>25</xdr:row>
      <xdr:rowOff>323520</xdr:rowOff>
    </xdr:to>
    <xdr:sp macro="" textlink="">
      <xdr:nvSpPr>
        <xdr:cNvPr id="28" name="下カーブ矢印 27"/>
        <xdr:cNvSpPr/>
      </xdr:nvSpPr>
      <xdr:spPr>
        <a:xfrm>
          <a:off x="13744524" y="10644332"/>
          <a:ext cx="692891" cy="272143"/>
        </a:xfrm>
        <a:prstGeom prst="curvedDownArrow">
          <a:avLst/>
        </a:prstGeom>
        <a:solidFill>
          <a:srgbClr val="FFFF00"/>
        </a:solidFill>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chemeClr val="tx1"/>
            </a:solidFill>
          </a:endParaRPr>
        </a:p>
      </xdr:txBody>
    </xdr:sp>
    <xdr:clientData/>
  </xdr:twoCellAnchor>
  <xdr:twoCellAnchor>
    <xdr:from>
      <xdr:col>2</xdr:col>
      <xdr:colOff>43793</xdr:colOff>
      <xdr:row>7</xdr:row>
      <xdr:rowOff>21896</xdr:rowOff>
    </xdr:from>
    <xdr:to>
      <xdr:col>2</xdr:col>
      <xdr:colOff>591207</xdr:colOff>
      <xdr:row>10</xdr:row>
      <xdr:rowOff>160575</xdr:rowOff>
    </xdr:to>
    <xdr:sp macro="" textlink="">
      <xdr:nvSpPr>
        <xdr:cNvPr id="29" name="正方形/長方形 28"/>
        <xdr:cNvSpPr/>
      </xdr:nvSpPr>
      <xdr:spPr>
        <a:xfrm>
          <a:off x="1328391" y="4364712"/>
          <a:ext cx="547414" cy="1014541"/>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vert="eaVert" rtlCol="0" anchor="ctr" anchorCtr="1"/>
        <a:lstStyle/>
        <a:p>
          <a:pPr algn="l"/>
          <a:r>
            <a:rPr kumimoji="1" lang="ja-JP" altLang="en-US" sz="800"/>
            <a:t>オリエンテーション</a:t>
          </a:r>
        </a:p>
      </xdr:txBody>
    </xdr:sp>
    <xdr:clientData/>
  </xdr:twoCellAnchor>
  <xdr:twoCellAnchor>
    <xdr:from>
      <xdr:col>2</xdr:col>
      <xdr:colOff>50215</xdr:colOff>
      <xdr:row>10</xdr:row>
      <xdr:rowOff>188895</xdr:rowOff>
    </xdr:from>
    <xdr:to>
      <xdr:col>2</xdr:col>
      <xdr:colOff>597629</xdr:colOff>
      <xdr:row>13</xdr:row>
      <xdr:rowOff>240862</xdr:rowOff>
    </xdr:to>
    <xdr:sp macro="" textlink="">
      <xdr:nvSpPr>
        <xdr:cNvPr id="30" name="正方形/長方形 29"/>
        <xdr:cNvSpPr/>
      </xdr:nvSpPr>
      <xdr:spPr>
        <a:xfrm>
          <a:off x="1334813" y="5407573"/>
          <a:ext cx="547414" cy="927829"/>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vert="eaVert" rtlCol="0" anchor="ctr" anchorCtr="1"/>
        <a:lstStyle/>
        <a:p>
          <a:pPr algn="l"/>
          <a:r>
            <a:rPr kumimoji="1" lang="ja-JP" altLang="en-US" sz="800"/>
            <a:t>ボール慣れゲーム</a:t>
          </a:r>
        </a:p>
      </xdr:txBody>
    </xdr:sp>
    <xdr:clientData/>
  </xdr:twoCellAnchor>
  <xdr:twoCellAnchor>
    <xdr:from>
      <xdr:col>2</xdr:col>
      <xdr:colOff>36494</xdr:colOff>
      <xdr:row>13</xdr:row>
      <xdr:rowOff>277357</xdr:rowOff>
    </xdr:from>
    <xdr:to>
      <xdr:col>10</xdr:col>
      <xdr:colOff>591207</xdr:colOff>
      <xdr:row>14</xdr:row>
      <xdr:rowOff>270058</xdr:rowOff>
    </xdr:to>
    <xdr:sp macro="" textlink="">
      <xdr:nvSpPr>
        <xdr:cNvPr id="31" name="正方形/長方形 30"/>
        <xdr:cNvSpPr/>
      </xdr:nvSpPr>
      <xdr:spPr>
        <a:xfrm>
          <a:off x="1321092" y="6371897"/>
          <a:ext cx="5576322" cy="284655"/>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a:t>整理運動・学習の振り返り・次時の確認</a:t>
          </a:r>
        </a:p>
      </xdr:txBody>
    </xdr:sp>
    <xdr:clientData/>
  </xdr:twoCellAnchor>
  <xdr:twoCellAnchor>
    <xdr:from>
      <xdr:col>2</xdr:col>
      <xdr:colOff>42916</xdr:colOff>
      <xdr:row>6</xdr:row>
      <xdr:rowOff>21898</xdr:rowOff>
    </xdr:from>
    <xdr:to>
      <xdr:col>10</xdr:col>
      <xdr:colOff>627700</xdr:colOff>
      <xdr:row>6</xdr:row>
      <xdr:rowOff>291080</xdr:rowOff>
    </xdr:to>
    <xdr:sp macro="" textlink="">
      <xdr:nvSpPr>
        <xdr:cNvPr id="32" name="正方形/長方形 31"/>
        <xdr:cNvSpPr/>
      </xdr:nvSpPr>
      <xdr:spPr>
        <a:xfrm>
          <a:off x="1327514" y="4072760"/>
          <a:ext cx="5606393" cy="269182"/>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a:t>整理運動・学習の振り返り・時事の確認</a:t>
          </a:r>
        </a:p>
      </xdr:txBody>
    </xdr:sp>
    <xdr:clientData/>
  </xdr:twoCellAnchor>
  <xdr:twoCellAnchor>
    <xdr:from>
      <xdr:col>11</xdr:col>
      <xdr:colOff>35619</xdr:colOff>
      <xdr:row>6</xdr:row>
      <xdr:rowOff>28319</xdr:rowOff>
    </xdr:from>
    <xdr:to>
      <xdr:col>11</xdr:col>
      <xdr:colOff>583033</xdr:colOff>
      <xdr:row>11</xdr:row>
      <xdr:rowOff>65690</xdr:rowOff>
    </xdr:to>
    <xdr:sp macro="" textlink="">
      <xdr:nvSpPr>
        <xdr:cNvPr id="33" name="正方形/長方形 32"/>
        <xdr:cNvSpPr/>
      </xdr:nvSpPr>
      <xdr:spPr>
        <a:xfrm>
          <a:off x="6969527" y="4079181"/>
          <a:ext cx="547414" cy="1497141"/>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vert="eaVert" rtlCol="0" anchor="ctr" anchorCtr="1"/>
        <a:lstStyle/>
        <a:p>
          <a:pPr algn="l"/>
          <a:r>
            <a:rPr kumimoji="1" lang="ja-JP" altLang="en-US" sz="1200"/>
            <a:t>最終リーグ戦②</a:t>
          </a:r>
          <a:endParaRPr kumimoji="1" lang="en-US" altLang="ja-JP" sz="1200"/>
        </a:p>
      </xdr:txBody>
    </xdr:sp>
    <xdr:clientData/>
  </xdr:twoCellAnchor>
  <xdr:twoCellAnchor>
    <xdr:from>
      <xdr:col>11</xdr:col>
      <xdr:colOff>42918</xdr:colOff>
      <xdr:row>11</xdr:row>
      <xdr:rowOff>101308</xdr:rowOff>
    </xdr:from>
    <xdr:to>
      <xdr:col>11</xdr:col>
      <xdr:colOff>590332</xdr:colOff>
      <xdr:row>14</xdr:row>
      <xdr:rowOff>239987</xdr:rowOff>
    </xdr:to>
    <xdr:sp macro="" textlink="">
      <xdr:nvSpPr>
        <xdr:cNvPr id="34" name="正方形/長方形 33"/>
        <xdr:cNvSpPr/>
      </xdr:nvSpPr>
      <xdr:spPr>
        <a:xfrm>
          <a:off x="6976826" y="5611940"/>
          <a:ext cx="547414" cy="1014541"/>
        </a:xfrm>
        <a:prstGeom prst="rect">
          <a:avLst/>
        </a:prstGeom>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vert="eaVert" rtlCol="0" anchor="ctr" anchorCtr="1"/>
        <a:lstStyle/>
        <a:p>
          <a:pPr algn="l"/>
          <a:r>
            <a:rPr kumimoji="1" lang="ja-JP" altLang="en-US" sz="1200"/>
            <a:t>単元のまとめ</a:t>
          </a:r>
        </a:p>
      </xdr:txBody>
    </xdr:sp>
    <xdr:clientData/>
  </xdr:twoCellAnchor>
  <xdr:twoCellAnchor>
    <xdr:from>
      <xdr:col>3</xdr:col>
      <xdr:colOff>6423</xdr:colOff>
      <xdr:row>7</xdr:row>
      <xdr:rowOff>28321</xdr:rowOff>
    </xdr:from>
    <xdr:to>
      <xdr:col>4</xdr:col>
      <xdr:colOff>598506</xdr:colOff>
      <xdr:row>10</xdr:row>
      <xdr:rowOff>255460</xdr:rowOff>
    </xdr:to>
    <xdr:sp macro="" textlink="">
      <xdr:nvSpPr>
        <xdr:cNvPr id="37" name="正方形/長方形 36"/>
        <xdr:cNvSpPr/>
      </xdr:nvSpPr>
      <xdr:spPr>
        <a:xfrm>
          <a:off x="1918722" y="4371137"/>
          <a:ext cx="1219784" cy="1103001"/>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b="1"/>
            <a:t>ボール操作</a:t>
          </a:r>
          <a:endParaRPr kumimoji="1" lang="en-US" altLang="ja-JP" sz="1100" b="1"/>
        </a:p>
        <a:p>
          <a:pPr algn="ctr"/>
          <a:endParaRPr kumimoji="1" lang="en-US" altLang="ja-JP" sz="100"/>
        </a:p>
        <a:p>
          <a:pPr algn="ctr"/>
          <a:r>
            <a:rPr kumimoji="1" lang="ja-JP" altLang="en-US" sz="1100"/>
            <a:t>シュート</a:t>
          </a:r>
          <a:endParaRPr kumimoji="1" lang="en-US" altLang="ja-JP" sz="1100"/>
        </a:p>
        <a:p>
          <a:pPr algn="ctr"/>
          <a:r>
            <a:rPr kumimoji="1" lang="ja-JP" altLang="en-US" sz="1100"/>
            <a:t>パス</a:t>
          </a:r>
          <a:endParaRPr kumimoji="1" lang="en-US" altLang="ja-JP" sz="1100"/>
        </a:p>
        <a:p>
          <a:pPr algn="ctr"/>
          <a:r>
            <a:rPr kumimoji="1" lang="ja-JP" altLang="en-US" sz="1100"/>
            <a:t>トラップ</a:t>
          </a:r>
        </a:p>
      </xdr:txBody>
    </xdr:sp>
    <xdr:clientData/>
  </xdr:twoCellAnchor>
  <xdr:twoCellAnchor>
    <xdr:from>
      <xdr:col>3</xdr:col>
      <xdr:colOff>27444</xdr:colOff>
      <xdr:row>11</xdr:row>
      <xdr:rowOff>21895</xdr:rowOff>
    </xdr:from>
    <xdr:to>
      <xdr:col>4</xdr:col>
      <xdr:colOff>591207</xdr:colOff>
      <xdr:row>13</xdr:row>
      <xdr:rowOff>233562</xdr:rowOff>
    </xdr:to>
    <xdr:sp macro="" textlink="">
      <xdr:nvSpPr>
        <xdr:cNvPr id="38" name="正方形/長方形 37"/>
        <xdr:cNvSpPr/>
      </xdr:nvSpPr>
      <xdr:spPr>
        <a:xfrm>
          <a:off x="1939743" y="5532527"/>
          <a:ext cx="1191464" cy="795575"/>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nchorCtr="0"/>
        <a:lstStyle/>
        <a:p>
          <a:pPr algn="ctr"/>
          <a:r>
            <a:rPr kumimoji="1" lang="ja-JP" altLang="en-US" sz="1000" b="1"/>
            <a:t>ミニゲーム①</a:t>
          </a:r>
          <a:endParaRPr kumimoji="1" lang="en-US" altLang="ja-JP" sz="1000" b="1"/>
        </a:p>
        <a:p>
          <a:pPr algn="ctr"/>
          <a:endParaRPr kumimoji="1" lang="en-US" altLang="ja-JP" sz="200"/>
        </a:p>
        <a:p>
          <a:pPr algn="ctr"/>
          <a:r>
            <a:rPr kumimoji="1" lang="ja-JP" altLang="en-US" sz="1000"/>
            <a:t>ゲーム記録の</a:t>
          </a:r>
          <a:endParaRPr kumimoji="1" lang="en-US" altLang="ja-JP" sz="1000"/>
        </a:p>
        <a:p>
          <a:pPr algn="ctr"/>
          <a:r>
            <a:rPr kumimoji="1" lang="ja-JP" altLang="en-US" sz="1000"/>
            <a:t>活用</a:t>
          </a:r>
        </a:p>
      </xdr:txBody>
    </xdr:sp>
    <xdr:clientData/>
  </xdr:twoCellAnchor>
  <xdr:twoCellAnchor>
    <xdr:from>
      <xdr:col>5</xdr:col>
      <xdr:colOff>27444</xdr:colOff>
      <xdr:row>8</xdr:row>
      <xdr:rowOff>20147</xdr:rowOff>
    </xdr:from>
    <xdr:to>
      <xdr:col>6</xdr:col>
      <xdr:colOff>591207</xdr:colOff>
      <xdr:row>10</xdr:row>
      <xdr:rowOff>255460</xdr:rowOff>
    </xdr:to>
    <xdr:sp macro="" textlink="">
      <xdr:nvSpPr>
        <xdr:cNvPr id="39" name="正方形/長方形 38"/>
        <xdr:cNvSpPr/>
      </xdr:nvSpPr>
      <xdr:spPr>
        <a:xfrm>
          <a:off x="3195145" y="4654917"/>
          <a:ext cx="1191464" cy="819221"/>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b="1"/>
            <a:t>空間に走り込むなどの動き</a:t>
          </a:r>
          <a:endParaRPr kumimoji="1" lang="en-US" altLang="ja-JP" sz="1100" b="1"/>
        </a:p>
      </xdr:txBody>
    </xdr:sp>
    <xdr:clientData/>
  </xdr:twoCellAnchor>
  <xdr:twoCellAnchor>
    <xdr:from>
      <xdr:col>5</xdr:col>
      <xdr:colOff>7297</xdr:colOff>
      <xdr:row>7</xdr:row>
      <xdr:rowOff>27445</xdr:rowOff>
    </xdr:from>
    <xdr:to>
      <xdr:col>10</xdr:col>
      <xdr:colOff>625948</xdr:colOff>
      <xdr:row>7</xdr:row>
      <xdr:rowOff>262759</xdr:rowOff>
    </xdr:to>
    <xdr:sp macro="" textlink="">
      <xdr:nvSpPr>
        <xdr:cNvPr id="40" name="正方形/長方形 39"/>
        <xdr:cNvSpPr/>
      </xdr:nvSpPr>
      <xdr:spPr>
        <a:xfrm>
          <a:off x="3174998" y="4370261"/>
          <a:ext cx="3757157" cy="235314"/>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a:t>ボール操作の反復練習</a:t>
          </a:r>
        </a:p>
      </xdr:txBody>
    </xdr:sp>
    <xdr:clientData/>
  </xdr:twoCellAnchor>
  <xdr:twoCellAnchor>
    <xdr:from>
      <xdr:col>5</xdr:col>
      <xdr:colOff>26569</xdr:colOff>
      <xdr:row>11</xdr:row>
      <xdr:rowOff>21019</xdr:rowOff>
    </xdr:from>
    <xdr:to>
      <xdr:col>6</xdr:col>
      <xdr:colOff>590332</xdr:colOff>
      <xdr:row>13</xdr:row>
      <xdr:rowOff>232686</xdr:rowOff>
    </xdr:to>
    <xdr:sp macro="" textlink="">
      <xdr:nvSpPr>
        <xdr:cNvPr id="41" name="正方形/長方形 40"/>
        <xdr:cNvSpPr/>
      </xdr:nvSpPr>
      <xdr:spPr>
        <a:xfrm>
          <a:off x="3194270" y="5531651"/>
          <a:ext cx="1191464" cy="795575"/>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t" anchorCtr="0"/>
        <a:lstStyle/>
        <a:p>
          <a:pPr algn="ctr"/>
          <a:r>
            <a:rPr kumimoji="1" lang="ja-JP" altLang="en-US" sz="1000" b="1"/>
            <a:t>ミニゲーム②</a:t>
          </a:r>
          <a:endParaRPr kumimoji="1" lang="en-US" altLang="ja-JP" sz="200" b="0"/>
        </a:p>
        <a:p>
          <a:pPr algn="ctr"/>
          <a:r>
            <a:rPr kumimoji="1" lang="ja-JP" altLang="en-US" sz="1000" b="0"/>
            <a:t>仲間の即時の</a:t>
          </a:r>
          <a:endParaRPr kumimoji="1" lang="en-US" altLang="ja-JP" sz="1000" b="0"/>
        </a:p>
        <a:p>
          <a:pPr algn="ctr"/>
          <a:r>
            <a:rPr kumimoji="1" lang="ja-JP" altLang="en-US" sz="1000" b="0"/>
            <a:t>助言</a:t>
          </a:r>
          <a:endParaRPr kumimoji="1" lang="en-US" altLang="ja-JP" sz="2400" b="1"/>
        </a:p>
      </xdr:txBody>
    </xdr:sp>
    <xdr:clientData/>
  </xdr:twoCellAnchor>
  <xdr:twoCellAnchor>
    <xdr:from>
      <xdr:col>6</xdr:col>
      <xdr:colOff>627700</xdr:colOff>
      <xdr:row>8</xdr:row>
      <xdr:rowOff>0</xdr:rowOff>
    </xdr:from>
    <xdr:to>
      <xdr:col>9</xdr:col>
      <xdr:colOff>605803</xdr:colOff>
      <xdr:row>10</xdr:row>
      <xdr:rowOff>235313</xdr:rowOff>
    </xdr:to>
    <xdr:sp macro="" textlink="">
      <xdr:nvSpPr>
        <xdr:cNvPr id="42" name="正方形/長方形 41"/>
        <xdr:cNvSpPr/>
      </xdr:nvSpPr>
      <xdr:spPr>
        <a:xfrm>
          <a:off x="4423102" y="4634770"/>
          <a:ext cx="1861207" cy="819221"/>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b="1"/>
            <a:t>課題の確認と解決の練習</a:t>
          </a:r>
          <a:endParaRPr kumimoji="1" lang="en-US" altLang="ja-JP" sz="1100" b="1"/>
        </a:p>
        <a:p>
          <a:pPr algn="ctr"/>
          <a:r>
            <a:rPr kumimoji="1" lang="ja-JP" altLang="en-US" sz="1000" b="0"/>
            <a:t>兄弟チームで相互観察・助言</a:t>
          </a:r>
          <a:endParaRPr kumimoji="1" lang="en-US" altLang="ja-JP" sz="1000" b="0"/>
        </a:p>
        <a:p>
          <a:pPr algn="ctr"/>
          <a:r>
            <a:rPr kumimoji="1" lang="en-US" altLang="ja-JP" sz="1000" b="0"/>
            <a:t>ICT</a:t>
          </a:r>
          <a:r>
            <a:rPr kumimoji="1" lang="ja-JP" altLang="en-US" sz="1000" b="0"/>
            <a:t>活用で課題認識</a:t>
          </a:r>
          <a:endParaRPr kumimoji="1" lang="en-US" altLang="ja-JP" sz="1000" b="0"/>
        </a:p>
      </xdr:txBody>
    </xdr:sp>
    <xdr:clientData/>
  </xdr:twoCellAnchor>
  <xdr:twoCellAnchor editAs="oneCell">
    <xdr:from>
      <xdr:col>10</xdr:col>
      <xdr:colOff>43793</xdr:colOff>
      <xdr:row>8</xdr:row>
      <xdr:rowOff>21897</xdr:rowOff>
    </xdr:from>
    <xdr:to>
      <xdr:col>10</xdr:col>
      <xdr:colOff>576608</xdr:colOff>
      <xdr:row>13</xdr:row>
      <xdr:rowOff>218966</xdr:rowOff>
    </xdr:to>
    <xdr:pic>
      <xdr:nvPicPr>
        <xdr:cNvPr id="44" name="図 43"/>
        <xdr:cNvPicPr>
          <a:picLocks noChangeAspect="1"/>
        </xdr:cNvPicPr>
      </xdr:nvPicPr>
      <xdr:blipFill rotWithShape="1">
        <a:blip xmlns:r="http://schemas.openxmlformats.org/officeDocument/2006/relationships" r:embed="rId9" cstate="email">
          <a:extLst>
            <a:ext uri="{28A0092B-C50C-407E-A947-70E740481C1C}">
              <a14:useLocalDpi xmlns:a14="http://schemas.microsoft.com/office/drawing/2010/main"/>
            </a:ext>
          </a:extLst>
        </a:blip>
        <a:srcRect/>
        <a:stretch/>
      </xdr:blipFill>
      <xdr:spPr>
        <a:xfrm>
          <a:off x="6350000" y="4656667"/>
          <a:ext cx="532815" cy="1656839"/>
        </a:xfrm>
        <a:prstGeom prst="rect">
          <a:avLst/>
        </a:prstGeom>
        <a:ln w="12700">
          <a:solidFill>
            <a:schemeClr val="tx1"/>
          </a:solidFill>
        </a:ln>
      </xdr:spPr>
    </xdr:pic>
    <xdr:clientData/>
  </xdr:twoCellAnchor>
  <xdr:twoCellAnchor>
    <xdr:from>
      <xdr:col>7</xdr:col>
      <xdr:colOff>0</xdr:colOff>
      <xdr:row>11</xdr:row>
      <xdr:rowOff>0</xdr:rowOff>
    </xdr:from>
    <xdr:to>
      <xdr:col>9</xdr:col>
      <xdr:colOff>605804</xdr:colOff>
      <xdr:row>13</xdr:row>
      <xdr:rowOff>235313</xdr:rowOff>
    </xdr:to>
    <xdr:sp macro="" textlink="">
      <xdr:nvSpPr>
        <xdr:cNvPr id="45" name="正方形/長方形 44"/>
        <xdr:cNvSpPr/>
      </xdr:nvSpPr>
      <xdr:spPr>
        <a:xfrm>
          <a:off x="4423103" y="5510632"/>
          <a:ext cx="1861207" cy="819221"/>
        </a:xfrm>
        <a:prstGeom prst="rect">
          <a:avLst/>
        </a:prstGeom>
        <a:solidFill>
          <a:sysClr val="window" lastClr="FFFFFF"/>
        </a:solidFill>
        <a:ln>
          <a:solidFill>
            <a:schemeClr val="tx1"/>
          </a:solidFill>
        </a:ln>
      </xdr:spPr>
      <xdr:style>
        <a:lnRef idx="2">
          <a:schemeClr val="accent6"/>
        </a:lnRef>
        <a:fillRef idx="1">
          <a:schemeClr val="lt1"/>
        </a:fillRef>
        <a:effectRef idx="0">
          <a:schemeClr val="accent6"/>
        </a:effectRef>
        <a:fontRef idx="minor">
          <a:schemeClr val="dk1"/>
        </a:fontRef>
      </xdr:style>
      <xdr:txBody>
        <a:bodyPr vertOverflow="clip" horzOverflow="clip" rtlCol="0" anchor="ctr" anchorCtr="0"/>
        <a:lstStyle/>
        <a:p>
          <a:pPr algn="ctr"/>
          <a:r>
            <a:rPr kumimoji="1" lang="ja-JP" altLang="en-US" sz="1100" b="1"/>
            <a:t>簡易ゲーム</a:t>
          </a:r>
          <a:endParaRPr kumimoji="1" lang="en-US" altLang="ja-JP" sz="1100" b="1"/>
        </a:p>
        <a:p>
          <a:pPr algn="ctr"/>
          <a:r>
            <a:rPr kumimoji="1" lang="ja-JP" altLang="en-US" sz="1100" b="0"/>
            <a:t>人数・コート・ルール等の簡易化</a:t>
          </a:r>
          <a:endParaRPr kumimoji="1" lang="en-US" altLang="ja-JP" sz="1100" b="0"/>
        </a:p>
      </xdr:txBody>
    </xdr:sp>
    <xdr:clientData/>
  </xdr:twoCellAnchor>
  <xdr:twoCellAnchor>
    <xdr:from>
      <xdr:col>13</xdr:col>
      <xdr:colOff>394138</xdr:colOff>
      <xdr:row>0</xdr:row>
      <xdr:rowOff>0</xdr:rowOff>
    </xdr:from>
    <xdr:to>
      <xdr:col>17</xdr:col>
      <xdr:colOff>437931</xdr:colOff>
      <xdr:row>1</xdr:row>
      <xdr:rowOff>649598</xdr:rowOff>
    </xdr:to>
    <xdr:sp macro="" textlink="">
      <xdr:nvSpPr>
        <xdr:cNvPr id="35" name="角丸四角形 34"/>
        <xdr:cNvSpPr/>
      </xdr:nvSpPr>
      <xdr:spPr>
        <a:xfrm>
          <a:off x="8466667" y="0"/>
          <a:ext cx="2087471" cy="1182414"/>
        </a:xfrm>
        <a:prstGeom prst="roundRect">
          <a:avLst/>
        </a:prstGeom>
        <a:solidFill>
          <a:srgbClr val="FFFF00"/>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5400">
              <a:solidFill>
                <a:srgbClr val="FF0000"/>
              </a:solidFill>
            </a:rPr>
            <a:t>例</a:t>
          </a:r>
        </a:p>
      </xdr:txBody>
    </xdr:sp>
    <xdr:clientData/>
  </xdr:twoCellAnchor>
  <xdr:twoCellAnchor>
    <xdr:from>
      <xdr:col>21</xdr:col>
      <xdr:colOff>72988</xdr:colOff>
      <xdr:row>12</xdr:row>
      <xdr:rowOff>65690</xdr:rowOff>
    </xdr:from>
    <xdr:to>
      <xdr:col>23</xdr:col>
      <xdr:colOff>518218</xdr:colOff>
      <xdr:row>15</xdr:row>
      <xdr:rowOff>160575</xdr:rowOff>
    </xdr:to>
    <xdr:sp macro="" textlink="">
      <xdr:nvSpPr>
        <xdr:cNvPr id="46" name="角丸四角形 45"/>
        <xdr:cNvSpPr/>
      </xdr:nvSpPr>
      <xdr:spPr>
        <a:xfrm>
          <a:off x="12524827" y="5868276"/>
          <a:ext cx="1759023" cy="970747"/>
        </a:xfrm>
        <a:prstGeom prst="roundRect">
          <a:avLst/>
        </a:prstGeom>
        <a:solidFill>
          <a:srgbClr val="FFFF00"/>
        </a:solidFill>
        <a:ln w="3810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chemeClr val="tx1"/>
              </a:solidFill>
            </a:rPr>
            <a:t>〇：指導日</a:t>
          </a:r>
          <a:endParaRPr kumimoji="1" lang="en-US" altLang="ja-JP" sz="1200">
            <a:solidFill>
              <a:schemeClr val="tx1"/>
            </a:solidFill>
          </a:endParaRPr>
        </a:p>
        <a:p>
          <a:pPr algn="ctr"/>
          <a:r>
            <a:rPr kumimoji="1" lang="ja-JP" altLang="en-US" sz="1200">
              <a:solidFill>
                <a:schemeClr val="tx1"/>
              </a:solidFill>
            </a:rPr>
            <a:t>●：評価日</a:t>
          </a:r>
          <a:endParaRPr kumimoji="1" lang="en-US" altLang="ja-JP" sz="1200">
            <a:solidFill>
              <a:schemeClr val="tx1"/>
            </a:solidFill>
          </a:endParaRPr>
        </a:p>
        <a:p>
          <a:pPr algn="ctr"/>
          <a:r>
            <a:rPr kumimoji="1" lang="ja-JP" altLang="en-US" sz="1200">
              <a:solidFill>
                <a:schemeClr val="tx1"/>
              </a:solidFill>
            </a:rPr>
            <a:t>◎指導＋評価日</a:t>
          </a:r>
        </a:p>
      </xdr:txBody>
    </xdr:sp>
    <xdr:clientData/>
  </xdr:twoCellAnchor>
  <xdr:twoCellAnchor>
    <xdr:from>
      <xdr:col>21</xdr:col>
      <xdr:colOff>94010</xdr:colOff>
      <xdr:row>15</xdr:row>
      <xdr:rowOff>277356</xdr:rowOff>
    </xdr:from>
    <xdr:to>
      <xdr:col>26</xdr:col>
      <xdr:colOff>116783</xdr:colOff>
      <xdr:row>19</xdr:row>
      <xdr:rowOff>87586</xdr:rowOff>
    </xdr:to>
    <xdr:sp macro="" textlink="">
      <xdr:nvSpPr>
        <xdr:cNvPr id="47" name="角丸四角形 46"/>
        <xdr:cNvSpPr/>
      </xdr:nvSpPr>
      <xdr:spPr>
        <a:xfrm>
          <a:off x="12545849" y="6955804"/>
          <a:ext cx="3307256" cy="978046"/>
        </a:xfrm>
        <a:prstGeom prst="roundRect">
          <a:avLst/>
        </a:prstGeom>
        <a:solidFill>
          <a:srgbClr val="00B0F0"/>
        </a:solidFill>
        <a:ln w="38100">
          <a:solidFill>
            <a:srgbClr val="00206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1200">
              <a:solidFill>
                <a:schemeClr val="tx1"/>
              </a:solidFill>
            </a:rPr>
            <a:t>「主体的に学習に取り組む態度」は単元全体を通して適切に評価するため、破線で示している。</a:t>
          </a:r>
          <a:endParaRPr kumimoji="1" lang="en-US" altLang="ja-JP" sz="1200">
            <a:solidFill>
              <a:schemeClr val="tx1"/>
            </a:solidFill>
          </a:endParaRPr>
        </a:p>
      </xdr:txBody>
    </xdr:sp>
    <xdr:clientData/>
  </xdr:twoCellAnchor>
  <xdr:twoCellAnchor>
    <xdr:from>
      <xdr:col>11</xdr:col>
      <xdr:colOff>43793</xdr:colOff>
      <xdr:row>17</xdr:row>
      <xdr:rowOff>124081</xdr:rowOff>
    </xdr:from>
    <xdr:to>
      <xdr:col>21</xdr:col>
      <xdr:colOff>197069</xdr:colOff>
      <xdr:row>19</xdr:row>
      <xdr:rowOff>153277</xdr:rowOff>
    </xdr:to>
    <xdr:cxnSp macro="">
      <xdr:nvCxnSpPr>
        <xdr:cNvPr id="49" name="直線矢印コネクタ 48"/>
        <xdr:cNvCxnSpPr>
          <a:endCxn id="51" idx="3"/>
        </xdr:cNvCxnSpPr>
      </xdr:nvCxnSpPr>
      <xdr:spPr>
        <a:xfrm flipH="1">
          <a:off x="6977701" y="7386437"/>
          <a:ext cx="5671207" cy="613104"/>
        </a:xfrm>
        <a:prstGeom prst="straightConnector1">
          <a:avLst/>
        </a:prstGeom>
        <a:ln w="3810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620402</xdr:colOff>
      <xdr:row>19</xdr:row>
      <xdr:rowOff>1</xdr:rowOff>
    </xdr:from>
    <xdr:to>
      <xdr:col>11</xdr:col>
      <xdr:colOff>43793</xdr:colOff>
      <xdr:row>20</xdr:row>
      <xdr:rowOff>14599</xdr:rowOff>
    </xdr:to>
    <xdr:sp macro="" textlink="">
      <xdr:nvSpPr>
        <xdr:cNvPr id="51" name="正方形/長方形 50"/>
        <xdr:cNvSpPr/>
      </xdr:nvSpPr>
      <xdr:spPr>
        <a:xfrm>
          <a:off x="1277299" y="7846265"/>
          <a:ext cx="5700402" cy="306552"/>
        </a:xfrm>
        <a:prstGeom prst="rect">
          <a:avLst/>
        </a:prstGeom>
        <a:noFill/>
        <a:ln w="571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12</xdr:col>
      <xdr:colOff>7298</xdr:colOff>
      <xdr:row>6</xdr:row>
      <xdr:rowOff>21896</xdr:rowOff>
    </xdr:from>
    <xdr:to>
      <xdr:col>16</xdr:col>
      <xdr:colOff>503621</xdr:colOff>
      <xdr:row>15</xdr:row>
      <xdr:rowOff>0</xdr:rowOff>
    </xdr:to>
    <xdr:sp macro="" textlink="">
      <xdr:nvSpPr>
        <xdr:cNvPr id="54" name="正方形/長方形 53"/>
        <xdr:cNvSpPr/>
      </xdr:nvSpPr>
      <xdr:spPr>
        <a:xfrm>
          <a:off x="7568907" y="4072758"/>
          <a:ext cx="2540001" cy="2605690"/>
        </a:xfrm>
        <a:prstGeom prst="rect">
          <a:avLst/>
        </a:prstGeom>
        <a:noFill/>
        <a:ln w="5715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1</xdr:col>
      <xdr:colOff>35616</xdr:colOff>
      <xdr:row>8</xdr:row>
      <xdr:rowOff>174297</xdr:rowOff>
    </xdr:from>
    <xdr:to>
      <xdr:col>25</xdr:col>
      <xdr:colOff>138678</xdr:colOff>
      <xdr:row>11</xdr:row>
      <xdr:rowOff>269182</xdr:rowOff>
    </xdr:to>
    <xdr:sp macro="" textlink="">
      <xdr:nvSpPr>
        <xdr:cNvPr id="68" name="角丸四角形 67"/>
        <xdr:cNvSpPr/>
      </xdr:nvSpPr>
      <xdr:spPr>
        <a:xfrm>
          <a:off x="12487455" y="4809067"/>
          <a:ext cx="2730648" cy="970747"/>
        </a:xfrm>
        <a:prstGeom prst="roundRect">
          <a:avLst/>
        </a:prstGeom>
        <a:solidFill>
          <a:schemeClr val="bg1"/>
        </a:solidFill>
        <a:ln w="3810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200">
              <a:solidFill>
                <a:schemeClr val="tx1"/>
              </a:solidFill>
            </a:rPr>
            <a:t>指導するうえで、考慮（配慮）すべき事項や工夫すべき点などを挙げる。</a:t>
          </a:r>
          <a:endParaRPr kumimoji="1" lang="en-US" altLang="ja-JP" sz="1200">
            <a:solidFill>
              <a:schemeClr val="tx1"/>
            </a:solidFill>
          </a:endParaRPr>
        </a:p>
      </xdr:txBody>
    </xdr:sp>
    <xdr:clientData/>
  </xdr:twoCellAnchor>
  <xdr:twoCellAnchor>
    <xdr:from>
      <xdr:col>16</xdr:col>
      <xdr:colOff>415160</xdr:colOff>
      <xdr:row>10</xdr:row>
      <xdr:rowOff>75763</xdr:rowOff>
    </xdr:from>
    <xdr:to>
      <xdr:col>21</xdr:col>
      <xdr:colOff>35616</xdr:colOff>
      <xdr:row>10</xdr:row>
      <xdr:rowOff>137802</xdr:rowOff>
    </xdr:to>
    <xdr:cxnSp macro="">
      <xdr:nvCxnSpPr>
        <xdr:cNvPr id="66" name="直線矢印コネクタ 65"/>
        <xdr:cNvCxnSpPr>
          <a:stCxn id="68" idx="1"/>
        </xdr:cNvCxnSpPr>
      </xdr:nvCxnSpPr>
      <xdr:spPr>
        <a:xfrm flipH="1">
          <a:off x="10020447" y="5294441"/>
          <a:ext cx="2467008" cy="62039"/>
        </a:xfrm>
        <a:prstGeom prst="straightConnector1">
          <a:avLst/>
        </a:prstGeom>
        <a:ln w="3810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510920</xdr:colOff>
      <xdr:row>13</xdr:row>
      <xdr:rowOff>259110</xdr:rowOff>
    </xdr:from>
    <xdr:to>
      <xdr:col>21</xdr:col>
      <xdr:colOff>72988</xdr:colOff>
      <xdr:row>15</xdr:row>
      <xdr:rowOff>167874</xdr:rowOff>
    </xdr:to>
    <xdr:cxnSp macro="">
      <xdr:nvCxnSpPr>
        <xdr:cNvPr id="43" name="直線矢印コネクタ 42"/>
        <xdr:cNvCxnSpPr>
          <a:stCxn id="46" idx="1"/>
        </xdr:cNvCxnSpPr>
      </xdr:nvCxnSpPr>
      <xdr:spPr>
        <a:xfrm flipH="1">
          <a:off x="7444828" y="6353650"/>
          <a:ext cx="5079999" cy="492672"/>
        </a:xfrm>
        <a:prstGeom prst="straightConnector1">
          <a:avLst/>
        </a:prstGeom>
        <a:ln w="38100">
          <a:solidFill>
            <a:schemeClr val="tx1"/>
          </a:solidFill>
          <a:tailEnd type="triangle"/>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20</xdr:col>
      <xdr:colOff>626823</xdr:colOff>
      <xdr:row>0</xdr:row>
      <xdr:rowOff>334870</xdr:rowOff>
    </xdr:from>
    <xdr:to>
      <xdr:col>26</xdr:col>
      <xdr:colOff>416034</xdr:colOff>
      <xdr:row>8</xdr:row>
      <xdr:rowOff>36493</xdr:rowOff>
    </xdr:to>
    <xdr:sp macro="" textlink="">
      <xdr:nvSpPr>
        <xdr:cNvPr id="73" name="正方形/長方形 72"/>
        <xdr:cNvSpPr/>
      </xdr:nvSpPr>
      <xdr:spPr>
        <a:xfrm>
          <a:off x="12421766" y="334870"/>
          <a:ext cx="3730590" cy="4336393"/>
        </a:xfrm>
        <a:prstGeom prst="rect">
          <a:avLst/>
        </a:prstGeom>
        <a:noFill/>
        <a:ln w="57150">
          <a:solidFill>
            <a:srgbClr val="0070C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editAs="oneCell">
    <xdr:from>
      <xdr:col>20</xdr:col>
      <xdr:colOff>175173</xdr:colOff>
      <xdr:row>21</xdr:row>
      <xdr:rowOff>51091</xdr:rowOff>
    </xdr:from>
    <xdr:to>
      <xdr:col>28</xdr:col>
      <xdr:colOff>613103</xdr:colOff>
      <xdr:row>23</xdr:row>
      <xdr:rowOff>175172</xdr:rowOff>
    </xdr:to>
    <xdr:pic>
      <xdr:nvPicPr>
        <xdr:cNvPr id="75" name="図 74"/>
        <xdr:cNvPicPr>
          <a:picLocks noChangeAspect="1"/>
        </xdr:cNvPicPr>
      </xdr:nvPicPr>
      <xdr:blipFill rotWithShape="1">
        <a:blip xmlns:r="http://schemas.openxmlformats.org/officeDocument/2006/relationships" r:embed="rId10" cstate="email">
          <a:extLst>
            <a:ext uri="{28A0092B-C50C-407E-A947-70E740481C1C}">
              <a14:useLocalDpi xmlns:a14="http://schemas.microsoft.com/office/drawing/2010/main"/>
            </a:ext>
          </a:extLst>
        </a:blip>
        <a:srcRect/>
        <a:stretch/>
      </xdr:blipFill>
      <xdr:spPr>
        <a:xfrm>
          <a:off x="11970116" y="8671034"/>
          <a:ext cx="5693102" cy="1087529"/>
        </a:xfrm>
        <a:prstGeom prst="rect">
          <a:avLst/>
        </a:prstGeom>
      </xdr:spPr>
    </xdr:pic>
    <xdr:clientData/>
  </xdr:twoCellAnchor>
</xdr:wsDr>
</file>

<file path=xl/tables/table1.xml><?xml version="1.0" encoding="utf-8"?>
<table xmlns="http://schemas.openxmlformats.org/spreadsheetml/2006/main" id="1" name="テーブル1" displayName="テーブル1" ref="F1:F9" headerRowCount="0" totalsRowShown="0" headerRowDxfId="23" dataDxfId="22">
  <tableColumns count="1">
    <tableColumn id="1" name="列1" dataDxfId="21"/>
  </tableColumns>
  <tableStyleInfo name="TableStyleMedium2" showFirstColumn="0" showLastColumn="0" showRowStripes="1" showColumnStripes="0"/>
</table>
</file>

<file path=xl/tables/table2.xml><?xml version="1.0" encoding="utf-8"?>
<table xmlns="http://schemas.openxmlformats.org/spreadsheetml/2006/main" id="2" name="テーブル2" displayName="テーブル2" ref="G1:G6" headerRowCount="0" totalsRowShown="0" headerRowDxfId="20" dataDxfId="19">
  <tableColumns count="1">
    <tableColumn id="1" name="列1" dataDxfId="18"/>
  </tableColumns>
  <tableStyleInfo name="TableStyleMedium2" showFirstColumn="0" showLastColumn="0" showRowStripes="1" showColumnStripes="0"/>
</table>
</file>

<file path=xl/tables/table3.xml><?xml version="1.0" encoding="utf-8"?>
<table xmlns="http://schemas.openxmlformats.org/spreadsheetml/2006/main" id="6" name="テーブル6" displayName="テーブル6" ref="E1:E10" headerRowCount="0" totalsRowShown="0" headerRowDxfId="17" dataDxfId="16">
  <tableColumns count="1">
    <tableColumn id="1" name="列1" dataDxfId="15"/>
  </tableColumns>
  <tableStyleInfo name="TableStyleMedium2" showFirstColumn="0" showLastColumn="0" showRowStripes="1" showColumnStripes="0"/>
</table>
</file>

<file path=xl/tables/table4.xml><?xml version="1.0" encoding="utf-8"?>
<table xmlns="http://schemas.openxmlformats.org/spreadsheetml/2006/main" id="5" name="テーブル5" displayName="テーブル5" ref="B1:B5" headerRowCount="0" totalsRowShown="0" headerRowDxfId="14" dataDxfId="13" tableBorderDxfId="12">
  <tableColumns count="1">
    <tableColumn id="1" name="列1" headerRowDxfId="11" dataDxfId="10"/>
  </tableColumns>
  <tableStyleInfo name="TableStyleMedium2" showFirstColumn="0" showLastColumn="0" showRowStripes="1" showColumnStripes="0"/>
</table>
</file>

<file path=xl/tables/table5.xml><?xml version="1.0" encoding="utf-8"?>
<table xmlns="http://schemas.openxmlformats.org/spreadsheetml/2006/main" id="8" name="テーブル8" displayName="テーブル8" ref="C1:C8" headerRowCount="0" totalsRowShown="0" headerRowDxfId="9" dataDxfId="8" tableBorderDxfId="7">
  <tableColumns count="1">
    <tableColumn id="1" name="列1" headerRowDxfId="6" dataDxfId="5"/>
  </tableColumns>
  <tableStyleInfo name="TableStyleLight20" showFirstColumn="0" showLastColumn="0" showRowStripes="1" showColumnStripes="0"/>
</table>
</file>

<file path=xl/tables/table6.xml><?xml version="1.0" encoding="utf-8"?>
<table xmlns="http://schemas.openxmlformats.org/spreadsheetml/2006/main" id="9" name="テーブル9" displayName="テーブル9" ref="D1:D8" headerRowCount="0" totalsRowShown="0" headerRowDxfId="4" dataDxfId="3" tableBorderDxfId="2">
  <tableColumns count="1">
    <tableColumn id="1" name="列1" headerRowDxfId="1" dataDxfId="0"/>
  </tableColumns>
  <tableStyleInfo name="TableStyleMedium2" showFirstColumn="0" showLastColumn="0" showRowStripes="1" showColumnStripes="0"/>
</table>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9.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10.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6.xml.rels><?xml version="1.0" encoding="UTF-8" standalone="yes"?>
<Relationships xmlns="http://schemas.openxmlformats.org/package/2006/relationships"><Relationship Id="rId3" Type="http://schemas.openxmlformats.org/officeDocument/2006/relationships/table" Target="../tables/table2.xml"/><Relationship Id="rId7" Type="http://schemas.openxmlformats.org/officeDocument/2006/relationships/table" Target="../tables/table6.xml"/><Relationship Id="rId2" Type="http://schemas.openxmlformats.org/officeDocument/2006/relationships/table" Target="../tables/table1.xml"/><Relationship Id="rId1" Type="http://schemas.openxmlformats.org/officeDocument/2006/relationships/printerSettings" Target="../printerSettings/printerSettings14.bin"/><Relationship Id="rId6" Type="http://schemas.openxmlformats.org/officeDocument/2006/relationships/table" Target="../tables/table5.xml"/><Relationship Id="rId5" Type="http://schemas.openxmlformats.org/officeDocument/2006/relationships/table" Target="../tables/table4.xml"/><Relationship Id="rId4" Type="http://schemas.openxmlformats.org/officeDocument/2006/relationships/table" Target="../tables/table3.xml"/></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5.xml"/><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sheetPr>
  <dimension ref="A1:DB90"/>
  <sheetViews>
    <sheetView tabSelected="1" zoomScale="92" zoomScaleNormal="92" workbookViewId="0">
      <pane xSplit="4" ySplit="4" topLeftCell="V5" activePane="bottomRight" state="frozen"/>
      <selection activeCell="M7" sqref="M7:Q15"/>
      <selection pane="topRight" activeCell="M7" sqref="M7:Q15"/>
      <selection pane="bottomLeft" activeCell="M7" sqref="M7:Q15"/>
      <selection pane="bottomRight" activeCell="AS35" sqref="AS35:BL43"/>
    </sheetView>
  </sheetViews>
  <sheetFormatPr defaultRowHeight="13" x14ac:dyDescent="0.55000000000000004"/>
  <cols>
    <col min="1" max="1" width="4.25" style="16" customWidth="1"/>
    <col min="2" max="2" width="3.5" style="5" customWidth="1"/>
    <col min="3" max="3" width="7.6640625" style="26" customWidth="1"/>
    <col min="4" max="4" width="48.83203125" style="26" customWidth="1"/>
    <col min="5" max="104" width="2.08203125" style="16" customWidth="1"/>
    <col min="105" max="16384" width="8.6640625" style="16"/>
  </cols>
  <sheetData>
    <row r="1" spans="1:106" s="1" customFormat="1" ht="13" customHeight="1" x14ac:dyDescent="0.55000000000000004">
      <c r="A1" s="306" t="s">
        <v>348</v>
      </c>
      <c r="B1" s="306"/>
      <c r="C1" s="306"/>
      <c r="D1" s="307"/>
      <c r="E1" s="258" t="s">
        <v>7</v>
      </c>
      <c r="F1" s="259"/>
      <c r="G1" s="259"/>
      <c r="H1" s="259"/>
      <c r="I1" s="259"/>
      <c r="J1" s="259"/>
      <c r="K1" s="259"/>
      <c r="L1" s="259"/>
      <c r="M1" s="259"/>
      <c r="N1" s="259"/>
      <c r="O1" s="259"/>
      <c r="P1" s="259"/>
      <c r="Q1" s="259"/>
      <c r="R1" s="259"/>
      <c r="S1" s="259"/>
      <c r="T1" s="259"/>
      <c r="U1" s="259"/>
      <c r="V1" s="259"/>
      <c r="W1" s="259"/>
      <c r="X1" s="259"/>
      <c r="Y1" s="259" t="s">
        <v>7</v>
      </c>
      <c r="Z1" s="259"/>
      <c r="AA1" s="259"/>
      <c r="AB1" s="259"/>
      <c r="AC1" s="259"/>
      <c r="AD1" s="259"/>
      <c r="AE1" s="259"/>
      <c r="AF1" s="259"/>
      <c r="AG1" s="259"/>
      <c r="AH1" s="259"/>
      <c r="AI1" s="259"/>
      <c r="AJ1" s="259"/>
      <c r="AK1" s="259"/>
      <c r="AL1" s="259"/>
      <c r="AM1" s="259"/>
      <c r="AN1" s="259"/>
      <c r="AO1" s="259"/>
      <c r="AP1" s="259"/>
      <c r="AQ1" s="259"/>
      <c r="AR1" s="259"/>
      <c r="AS1" s="262" t="s">
        <v>8</v>
      </c>
      <c r="AT1" s="262"/>
      <c r="AU1" s="262"/>
      <c r="AV1" s="262"/>
      <c r="AW1" s="262"/>
      <c r="AX1" s="262"/>
      <c r="AY1" s="262"/>
      <c r="AZ1" s="262"/>
      <c r="BA1" s="262"/>
      <c r="BB1" s="262"/>
      <c r="BC1" s="262"/>
      <c r="BD1" s="262"/>
      <c r="BE1" s="262"/>
      <c r="BF1" s="262"/>
      <c r="BG1" s="262"/>
      <c r="BH1" s="262"/>
      <c r="BI1" s="262"/>
      <c r="BJ1" s="262"/>
      <c r="BK1" s="262"/>
      <c r="BL1" s="262"/>
      <c r="BM1" s="262" t="s">
        <v>198</v>
      </c>
      <c r="BN1" s="262"/>
      <c r="BO1" s="262"/>
      <c r="BP1" s="262"/>
      <c r="BQ1" s="262"/>
      <c r="BR1" s="262"/>
      <c r="BS1" s="262"/>
      <c r="BT1" s="262"/>
      <c r="BU1" s="262"/>
      <c r="BV1" s="262"/>
      <c r="BW1" s="262"/>
      <c r="BX1" s="262"/>
      <c r="BY1" s="262"/>
      <c r="BZ1" s="262"/>
      <c r="CA1" s="262"/>
      <c r="CB1" s="262"/>
      <c r="CC1" s="262"/>
      <c r="CD1" s="262"/>
      <c r="CE1" s="262"/>
      <c r="CF1" s="262"/>
      <c r="CG1" s="305" t="s">
        <v>199</v>
      </c>
      <c r="CH1" s="305"/>
      <c r="CI1" s="305"/>
      <c r="CJ1" s="305"/>
      <c r="CK1" s="305"/>
      <c r="CL1" s="305"/>
      <c r="CM1" s="305"/>
      <c r="CN1" s="305"/>
      <c r="CO1" s="305"/>
      <c r="CP1" s="305"/>
      <c r="CQ1" s="305"/>
      <c r="CR1" s="305"/>
      <c r="CS1" s="305"/>
      <c r="CT1" s="305"/>
      <c r="CU1" s="305"/>
      <c r="CV1" s="305"/>
      <c r="CW1" s="305"/>
      <c r="CX1" s="305"/>
      <c r="CY1" s="305"/>
      <c r="CZ1" s="305"/>
      <c r="DA1" s="1" t="s">
        <v>116</v>
      </c>
      <c r="DB1" s="1" t="s">
        <v>118</v>
      </c>
    </row>
    <row r="2" spans="1:106" s="1" customFormat="1" ht="13" customHeight="1" x14ac:dyDescent="0.55000000000000004">
      <c r="A2" s="306"/>
      <c r="B2" s="306"/>
      <c r="C2" s="306"/>
      <c r="D2" s="307"/>
      <c r="E2" s="260" t="s">
        <v>349</v>
      </c>
      <c r="F2" s="261"/>
      <c r="G2" s="261"/>
      <c r="H2" s="261"/>
      <c r="I2" s="261"/>
      <c r="J2" s="261"/>
      <c r="K2" s="261"/>
      <c r="L2" s="261"/>
      <c r="M2" s="261"/>
      <c r="N2" s="261"/>
      <c r="O2" s="261"/>
      <c r="P2" s="261"/>
      <c r="Q2" s="261"/>
      <c r="R2" s="261"/>
      <c r="S2" s="261"/>
      <c r="T2" s="261"/>
      <c r="U2" s="261"/>
      <c r="V2" s="261"/>
      <c r="W2" s="261"/>
      <c r="X2" s="261"/>
      <c r="Y2" s="261" t="s">
        <v>350</v>
      </c>
      <c r="Z2" s="261"/>
      <c r="AA2" s="261"/>
      <c r="AB2" s="261"/>
      <c r="AC2" s="261"/>
      <c r="AD2" s="261"/>
      <c r="AE2" s="261"/>
      <c r="AF2" s="261"/>
      <c r="AG2" s="261"/>
      <c r="AH2" s="261"/>
      <c r="AI2" s="261"/>
      <c r="AJ2" s="261"/>
      <c r="AK2" s="261"/>
      <c r="AL2" s="261"/>
      <c r="AM2" s="261"/>
      <c r="AN2" s="261"/>
      <c r="AO2" s="261"/>
      <c r="AP2" s="261"/>
      <c r="AQ2" s="261"/>
      <c r="AR2" s="261"/>
      <c r="AS2" s="261" t="s">
        <v>349</v>
      </c>
      <c r="AT2" s="261"/>
      <c r="AU2" s="261"/>
      <c r="AV2" s="261"/>
      <c r="AW2" s="261"/>
      <c r="AX2" s="261"/>
      <c r="AY2" s="261"/>
      <c r="AZ2" s="261"/>
      <c r="BA2" s="261"/>
      <c r="BB2" s="261"/>
      <c r="BC2" s="261"/>
      <c r="BD2" s="261"/>
      <c r="BE2" s="261"/>
      <c r="BF2" s="261"/>
      <c r="BG2" s="261"/>
      <c r="BH2" s="261"/>
      <c r="BI2" s="261"/>
      <c r="BJ2" s="261"/>
      <c r="BK2" s="261"/>
      <c r="BL2" s="261"/>
      <c r="BM2" s="261" t="s">
        <v>351</v>
      </c>
      <c r="BN2" s="261"/>
      <c r="BO2" s="261"/>
      <c r="BP2" s="261"/>
      <c r="BQ2" s="261"/>
      <c r="BR2" s="261"/>
      <c r="BS2" s="261"/>
      <c r="BT2" s="261"/>
      <c r="BU2" s="261"/>
      <c r="BV2" s="261"/>
      <c r="BW2" s="261"/>
      <c r="BX2" s="261"/>
      <c r="BY2" s="261"/>
      <c r="BZ2" s="261"/>
      <c r="CA2" s="261"/>
      <c r="CB2" s="261"/>
      <c r="CC2" s="261"/>
      <c r="CD2" s="261"/>
      <c r="CE2" s="261"/>
      <c r="CF2" s="261"/>
      <c r="CG2" s="261" t="s">
        <v>349</v>
      </c>
      <c r="CH2" s="261"/>
      <c r="CI2" s="261"/>
      <c r="CJ2" s="261"/>
      <c r="CK2" s="261"/>
      <c r="CL2" s="261"/>
      <c r="CM2" s="261"/>
      <c r="CN2" s="261"/>
      <c r="CO2" s="261"/>
      <c r="CP2" s="261"/>
      <c r="CQ2" s="261"/>
      <c r="CR2" s="261"/>
      <c r="CS2" s="261"/>
      <c r="CT2" s="261"/>
      <c r="CU2" s="261"/>
      <c r="CV2" s="261"/>
      <c r="CW2" s="261"/>
      <c r="CX2" s="261"/>
      <c r="CY2" s="261"/>
      <c r="CZ2" s="261"/>
      <c r="DA2" s="1" t="s">
        <v>23</v>
      </c>
      <c r="DB2" s="1" t="s">
        <v>119</v>
      </c>
    </row>
    <row r="3" spans="1:106" s="1" customFormat="1" ht="13" customHeight="1" x14ac:dyDescent="0.55000000000000004">
      <c r="A3" s="306"/>
      <c r="B3" s="306"/>
      <c r="C3" s="306"/>
      <c r="D3" s="307"/>
      <c r="E3" s="273" t="s">
        <v>352</v>
      </c>
      <c r="F3" s="273"/>
      <c r="G3" s="273"/>
      <c r="H3" s="273"/>
      <c r="I3" s="273"/>
      <c r="J3" s="273"/>
      <c r="K3" s="273"/>
      <c r="L3" s="273"/>
      <c r="M3" s="273"/>
      <c r="N3" s="273"/>
      <c r="O3" s="273"/>
      <c r="P3" s="273"/>
      <c r="Q3" s="273"/>
      <c r="R3" s="273"/>
      <c r="S3" s="273"/>
      <c r="T3" s="273"/>
      <c r="U3" s="273"/>
      <c r="V3" s="273"/>
      <c r="W3" s="273"/>
      <c r="X3" s="274"/>
      <c r="Y3" s="272" t="s">
        <v>352</v>
      </c>
      <c r="Z3" s="273"/>
      <c r="AA3" s="273"/>
      <c r="AB3" s="273"/>
      <c r="AC3" s="273"/>
      <c r="AD3" s="273"/>
      <c r="AE3" s="273"/>
      <c r="AF3" s="273"/>
      <c r="AG3" s="273"/>
      <c r="AH3" s="273"/>
      <c r="AI3" s="273"/>
      <c r="AJ3" s="273"/>
      <c r="AK3" s="273"/>
      <c r="AL3" s="273"/>
      <c r="AM3" s="273"/>
      <c r="AN3" s="273"/>
      <c r="AO3" s="273"/>
      <c r="AP3" s="273"/>
      <c r="AQ3" s="273"/>
      <c r="AR3" s="274"/>
      <c r="AS3" s="272" t="s">
        <v>352</v>
      </c>
      <c r="AT3" s="273"/>
      <c r="AU3" s="273"/>
      <c r="AV3" s="273"/>
      <c r="AW3" s="273"/>
      <c r="AX3" s="273"/>
      <c r="AY3" s="273"/>
      <c r="AZ3" s="273"/>
      <c r="BA3" s="273"/>
      <c r="BB3" s="273"/>
      <c r="BC3" s="273"/>
      <c r="BD3" s="273"/>
      <c r="BE3" s="273"/>
      <c r="BF3" s="273"/>
      <c r="BG3" s="273"/>
      <c r="BH3" s="273"/>
      <c r="BI3" s="273"/>
      <c r="BJ3" s="273"/>
      <c r="BK3" s="273"/>
      <c r="BL3" s="274"/>
      <c r="BM3" s="272" t="s">
        <v>352</v>
      </c>
      <c r="BN3" s="273"/>
      <c r="BO3" s="273"/>
      <c r="BP3" s="273"/>
      <c r="BQ3" s="273"/>
      <c r="BR3" s="273"/>
      <c r="BS3" s="273"/>
      <c r="BT3" s="273"/>
      <c r="BU3" s="273"/>
      <c r="BV3" s="273"/>
      <c r="BW3" s="273"/>
      <c r="BX3" s="273"/>
      <c r="BY3" s="273"/>
      <c r="BZ3" s="273"/>
      <c r="CA3" s="273"/>
      <c r="CB3" s="273"/>
      <c r="CC3" s="273"/>
      <c r="CD3" s="273"/>
      <c r="CE3" s="273"/>
      <c r="CF3" s="274"/>
      <c r="CG3" s="272" t="s">
        <v>352</v>
      </c>
      <c r="CH3" s="273"/>
      <c r="CI3" s="273"/>
      <c r="CJ3" s="273"/>
      <c r="CK3" s="273"/>
      <c r="CL3" s="273"/>
      <c r="CM3" s="273"/>
      <c r="CN3" s="273"/>
      <c r="CO3" s="273"/>
      <c r="CP3" s="273"/>
      <c r="CQ3" s="273"/>
      <c r="CR3" s="273"/>
      <c r="CS3" s="273"/>
      <c r="CT3" s="273"/>
      <c r="CU3" s="273"/>
      <c r="CV3" s="273"/>
      <c r="CW3" s="273"/>
      <c r="CX3" s="273"/>
      <c r="CY3" s="273"/>
      <c r="CZ3" s="274"/>
      <c r="DA3" s="1" t="s">
        <v>120</v>
      </c>
      <c r="DB3" s="1" t="s">
        <v>121</v>
      </c>
    </row>
    <row r="4" spans="1:106" s="1" customFormat="1" ht="13.5" customHeight="1" thickBot="1" x14ac:dyDescent="0.6">
      <c r="A4" s="308"/>
      <c r="B4" s="308"/>
      <c r="C4" s="308"/>
      <c r="D4" s="309"/>
      <c r="E4" s="291">
        <v>1</v>
      </c>
      <c r="F4" s="291"/>
      <c r="G4" s="291">
        <v>2</v>
      </c>
      <c r="H4" s="291"/>
      <c r="I4" s="291">
        <v>3</v>
      </c>
      <c r="J4" s="291"/>
      <c r="K4" s="291">
        <v>4</v>
      </c>
      <c r="L4" s="291"/>
      <c r="M4" s="291">
        <v>5</v>
      </c>
      <c r="N4" s="291"/>
      <c r="O4" s="291">
        <v>6</v>
      </c>
      <c r="P4" s="291"/>
      <c r="Q4" s="291">
        <v>7</v>
      </c>
      <c r="R4" s="291"/>
      <c r="S4" s="291">
        <v>8</v>
      </c>
      <c r="T4" s="291"/>
      <c r="U4" s="291">
        <v>9</v>
      </c>
      <c r="V4" s="291"/>
      <c r="W4" s="291">
        <v>10</v>
      </c>
      <c r="X4" s="291"/>
      <c r="Y4" s="319">
        <v>1</v>
      </c>
      <c r="Z4" s="291"/>
      <c r="AA4" s="291">
        <v>2</v>
      </c>
      <c r="AB4" s="291"/>
      <c r="AC4" s="291">
        <v>3</v>
      </c>
      <c r="AD4" s="291"/>
      <c r="AE4" s="291">
        <v>4</v>
      </c>
      <c r="AF4" s="291"/>
      <c r="AG4" s="291">
        <v>5</v>
      </c>
      <c r="AH4" s="291"/>
      <c r="AI4" s="291">
        <v>6</v>
      </c>
      <c r="AJ4" s="291"/>
      <c r="AK4" s="291">
        <v>7</v>
      </c>
      <c r="AL4" s="291"/>
      <c r="AM4" s="291">
        <v>8</v>
      </c>
      <c r="AN4" s="291"/>
      <c r="AO4" s="291">
        <v>9</v>
      </c>
      <c r="AP4" s="291"/>
      <c r="AQ4" s="291">
        <v>10</v>
      </c>
      <c r="AR4" s="291"/>
      <c r="AS4" s="319">
        <v>1</v>
      </c>
      <c r="AT4" s="291"/>
      <c r="AU4" s="291">
        <v>2</v>
      </c>
      <c r="AV4" s="291"/>
      <c r="AW4" s="291">
        <v>3</v>
      </c>
      <c r="AX4" s="291"/>
      <c r="AY4" s="291">
        <v>4</v>
      </c>
      <c r="AZ4" s="291"/>
      <c r="BA4" s="291">
        <v>5</v>
      </c>
      <c r="BB4" s="291"/>
      <c r="BC4" s="291">
        <v>6</v>
      </c>
      <c r="BD4" s="291"/>
      <c r="BE4" s="291">
        <v>7</v>
      </c>
      <c r="BF4" s="291"/>
      <c r="BG4" s="291">
        <v>8</v>
      </c>
      <c r="BH4" s="291"/>
      <c r="BI4" s="291">
        <v>9</v>
      </c>
      <c r="BJ4" s="291"/>
      <c r="BK4" s="291">
        <v>10</v>
      </c>
      <c r="BL4" s="318"/>
      <c r="BM4" s="291">
        <v>1</v>
      </c>
      <c r="BN4" s="291"/>
      <c r="BO4" s="291">
        <v>2</v>
      </c>
      <c r="BP4" s="291"/>
      <c r="BQ4" s="291">
        <v>3</v>
      </c>
      <c r="BR4" s="291"/>
      <c r="BS4" s="291">
        <v>4</v>
      </c>
      <c r="BT4" s="291"/>
      <c r="BU4" s="291">
        <v>5</v>
      </c>
      <c r="BV4" s="291"/>
      <c r="BW4" s="291">
        <v>6</v>
      </c>
      <c r="BX4" s="291"/>
      <c r="BY4" s="291">
        <v>7</v>
      </c>
      <c r="BZ4" s="291"/>
      <c r="CA4" s="291">
        <v>8</v>
      </c>
      <c r="CB4" s="291"/>
      <c r="CC4" s="291">
        <v>9</v>
      </c>
      <c r="CD4" s="291"/>
      <c r="CE4" s="291">
        <v>10</v>
      </c>
      <c r="CF4" s="318"/>
      <c r="CG4" s="291">
        <v>1</v>
      </c>
      <c r="CH4" s="291"/>
      <c r="CI4" s="291">
        <v>2</v>
      </c>
      <c r="CJ4" s="291"/>
      <c r="CK4" s="291">
        <v>3</v>
      </c>
      <c r="CL4" s="291"/>
      <c r="CM4" s="291">
        <v>4</v>
      </c>
      <c r="CN4" s="291"/>
      <c r="CO4" s="291">
        <v>5</v>
      </c>
      <c r="CP4" s="291"/>
      <c r="CQ4" s="291">
        <v>6</v>
      </c>
      <c r="CR4" s="291"/>
      <c r="CS4" s="291">
        <v>7</v>
      </c>
      <c r="CT4" s="291"/>
      <c r="CU4" s="291">
        <v>8</v>
      </c>
      <c r="CV4" s="291"/>
      <c r="CW4" s="291">
        <v>9</v>
      </c>
      <c r="CX4" s="291"/>
      <c r="CY4" s="291">
        <v>10</v>
      </c>
      <c r="CZ4" s="291"/>
      <c r="DA4" s="213"/>
    </row>
    <row r="5" spans="1:106" ht="26" customHeight="1" x14ac:dyDescent="0.55000000000000004">
      <c r="A5" s="310" t="s">
        <v>1</v>
      </c>
      <c r="B5" s="310"/>
      <c r="C5" s="311"/>
      <c r="D5" s="195" t="s">
        <v>328</v>
      </c>
      <c r="E5" s="322"/>
      <c r="F5" s="320"/>
      <c r="G5" s="320"/>
      <c r="H5" s="320"/>
      <c r="I5" s="320"/>
      <c r="J5" s="320"/>
      <c r="K5" s="320"/>
      <c r="L5" s="320"/>
      <c r="M5" s="320"/>
      <c r="N5" s="320"/>
      <c r="O5" s="320"/>
      <c r="P5" s="320"/>
      <c r="Q5" s="320"/>
      <c r="R5" s="320"/>
      <c r="S5" s="320"/>
      <c r="T5" s="320"/>
      <c r="U5" s="320"/>
      <c r="V5" s="320"/>
      <c r="W5" s="320"/>
      <c r="X5" s="321"/>
      <c r="Y5" s="322"/>
      <c r="Z5" s="320"/>
      <c r="AA5" s="320"/>
      <c r="AB5" s="320"/>
      <c r="AC5" s="320"/>
      <c r="AD5" s="320"/>
      <c r="AE5" s="320"/>
      <c r="AF5" s="320"/>
      <c r="AG5" s="320"/>
      <c r="AH5" s="320"/>
      <c r="AI5" s="320"/>
      <c r="AJ5" s="320"/>
      <c r="AK5" s="320"/>
      <c r="AL5" s="320"/>
      <c r="AM5" s="320"/>
      <c r="AN5" s="320"/>
      <c r="AO5" s="320"/>
      <c r="AP5" s="320"/>
      <c r="AQ5" s="320"/>
      <c r="AR5" s="321"/>
      <c r="AS5" s="322"/>
      <c r="AT5" s="320"/>
      <c r="AU5" s="320"/>
      <c r="AV5" s="320"/>
      <c r="AW5" s="320"/>
      <c r="AX5" s="320"/>
      <c r="AY5" s="320"/>
      <c r="AZ5" s="320"/>
      <c r="BA5" s="320"/>
      <c r="BB5" s="320"/>
      <c r="BC5" s="320"/>
      <c r="BD5" s="320"/>
      <c r="BE5" s="320"/>
      <c r="BF5" s="320"/>
      <c r="BG5" s="320"/>
      <c r="BH5" s="320"/>
      <c r="BI5" s="320"/>
      <c r="BJ5" s="320"/>
      <c r="BK5" s="320"/>
      <c r="BL5" s="321"/>
      <c r="BM5" s="326"/>
      <c r="BN5" s="320"/>
      <c r="BO5" s="320"/>
      <c r="BP5" s="320"/>
      <c r="BQ5" s="320"/>
      <c r="BR5" s="320"/>
      <c r="BS5" s="320"/>
      <c r="BT5" s="320"/>
      <c r="BU5" s="320"/>
      <c r="BV5" s="320"/>
      <c r="BW5" s="320"/>
      <c r="BX5" s="320"/>
      <c r="BY5" s="320"/>
      <c r="BZ5" s="320"/>
      <c r="CA5" s="320"/>
      <c r="CB5" s="320"/>
      <c r="CC5" s="320"/>
      <c r="CD5" s="320"/>
      <c r="CE5" s="320"/>
      <c r="CF5" s="321"/>
      <c r="CG5" s="322"/>
      <c r="CH5" s="320"/>
      <c r="CI5" s="320"/>
      <c r="CJ5" s="320"/>
      <c r="CK5" s="320"/>
      <c r="CL5" s="320"/>
      <c r="CM5" s="320"/>
      <c r="CN5" s="320"/>
      <c r="CO5" s="320"/>
      <c r="CP5" s="320"/>
      <c r="CQ5" s="320"/>
      <c r="CR5" s="320"/>
      <c r="CS5" s="320"/>
      <c r="CT5" s="320"/>
      <c r="CU5" s="320"/>
      <c r="CV5" s="320"/>
      <c r="CW5" s="320"/>
      <c r="CX5" s="320"/>
      <c r="CY5" s="320"/>
      <c r="CZ5" s="321"/>
    </row>
    <row r="6" spans="1:106" ht="26" x14ac:dyDescent="0.55000000000000004">
      <c r="A6" s="312"/>
      <c r="B6" s="312"/>
      <c r="C6" s="313"/>
      <c r="D6" s="54" t="s">
        <v>329</v>
      </c>
      <c r="E6" s="325"/>
      <c r="F6" s="323"/>
      <c r="G6" s="323"/>
      <c r="H6" s="323"/>
      <c r="I6" s="323"/>
      <c r="J6" s="323"/>
      <c r="K6" s="323"/>
      <c r="L6" s="323"/>
      <c r="M6" s="323"/>
      <c r="N6" s="323"/>
      <c r="O6" s="323"/>
      <c r="P6" s="323"/>
      <c r="Q6" s="323"/>
      <c r="R6" s="323"/>
      <c r="S6" s="323"/>
      <c r="T6" s="323"/>
      <c r="U6" s="323"/>
      <c r="V6" s="323"/>
      <c r="W6" s="323"/>
      <c r="X6" s="324"/>
      <c r="Y6" s="325"/>
      <c r="Z6" s="323"/>
      <c r="AA6" s="323"/>
      <c r="AB6" s="323"/>
      <c r="AC6" s="323"/>
      <c r="AD6" s="323"/>
      <c r="AE6" s="323"/>
      <c r="AF6" s="323"/>
      <c r="AG6" s="323"/>
      <c r="AH6" s="323"/>
      <c r="AI6" s="323"/>
      <c r="AJ6" s="323"/>
      <c r="AK6" s="323"/>
      <c r="AL6" s="323"/>
      <c r="AM6" s="323"/>
      <c r="AN6" s="323"/>
      <c r="AO6" s="323"/>
      <c r="AP6" s="323"/>
      <c r="AQ6" s="323"/>
      <c r="AR6" s="324"/>
      <c r="AS6" s="325"/>
      <c r="AT6" s="323"/>
      <c r="AU6" s="323"/>
      <c r="AV6" s="323"/>
      <c r="AW6" s="323"/>
      <c r="AX6" s="323"/>
      <c r="AY6" s="323"/>
      <c r="AZ6" s="323"/>
      <c r="BA6" s="323"/>
      <c r="BB6" s="323"/>
      <c r="BC6" s="323"/>
      <c r="BD6" s="323"/>
      <c r="BE6" s="323"/>
      <c r="BF6" s="323"/>
      <c r="BG6" s="323"/>
      <c r="BH6" s="323"/>
      <c r="BI6" s="323"/>
      <c r="BJ6" s="323"/>
      <c r="BK6" s="323"/>
      <c r="BL6" s="324"/>
      <c r="BM6" s="327"/>
      <c r="BN6" s="323"/>
      <c r="BO6" s="323"/>
      <c r="BP6" s="323"/>
      <c r="BQ6" s="323"/>
      <c r="BR6" s="323"/>
      <c r="BS6" s="323"/>
      <c r="BT6" s="323"/>
      <c r="BU6" s="323"/>
      <c r="BV6" s="323"/>
      <c r="BW6" s="323"/>
      <c r="BX6" s="323"/>
      <c r="BY6" s="323"/>
      <c r="BZ6" s="323"/>
      <c r="CA6" s="323"/>
      <c r="CB6" s="323"/>
      <c r="CC6" s="323"/>
      <c r="CD6" s="323"/>
      <c r="CE6" s="323"/>
      <c r="CF6" s="324"/>
      <c r="CG6" s="325"/>
      <c r="CH6" s="323"/>
      <c r="CI6" s="323"/>
      <c r="CJ6" s="323"/>
      <c r="CK6" s="323"/>
      <c r="CL6" s="323"/>
      <c r="CM6" s="323"/>
      <c r="CN6" s="323"/>
      <c r="CO6" s="323"/>
      <c r="CP6" s="323"/>
      <c r="CQ6" s="323"/>
      <c r="CR6" s="323"/>
      <c r="CS6" s="323"/>
      <c r="CT6" s="323"/>
      <c r="CU6" s="323"/>
      <c r="CV6" s="323"/>
      <c r="CW6" s="323"/>
      <c r="CX6" s="323"/>
      <c r="CY6" s="323"/>
      <c r="CZ6" s="324"/>
    </row>
    <row r="7" spans="1:106" ht="26" x14ac:dyDescent="0.55000000000000004">
      <c r="A7" s="312"/>
      <c r="B7" s="312"/>
      <c r="C7" s="313"/>
      <c r="D7" s="54" t="s">
        <v>330</v>
      </c>
      <c r="E7" s="325"/>
      <c r="F7" s="323"/>
      <c r="G7" s="323"/>
      <c r="H7" s="323"/>
      <c r="I7" s="323"/>
      <c r="J7" s="323"/>
      <c r="K7" s="323"/>
      <c r="L7" s="323"/>
      <c r="M7" s="323"/>
      <c r="N7" s="323"/>
      <c r="O7" s="323"/>
      <c r="P7" s="323"/>
      <c r="Q7" s="323"/>
      <c r="R7" s="323"/>
      <c r="S7" s="323"/>
      <c r="T7" s="323"/>
      <c r="U7" s="323"/>
      <c r="V7" s="323"/>
      <c r="W7" s="323"/>
      <c r="X7" s="324"/>
      <c r="Y7" s="325"/>
      <c r="Z7" s="323"/>
      <c r="AA7" s="323"/>
      <c r="AB7" s="323"/>
      <c r="AC7" s="323"/>
      <c r="AD7" s="323"/>
      <c r="AE7" s="323"/>
      <c r="AF7" s="323"/>
      <c r="AG7" s="323"/>
      <c r="AH7" s="323"/>
      <c r="AI7" s="323"/>
      <c r="AJ7" s="323"/>
      <c r="AK7" s="323"/>
      <c r="AL7" s="323"/>
      <c r="AM7" s="323"/>
      <c r="AN7" s="323"/>
      <c r="AO7" s="323"/>
      <c r="AP7" s="323"/>
      <c r="AQ7" s="323"/>
      <c r="AR7" s="324"/>
      <c r="AS7" s="325"/>
      <c r="AT7" s="323"/>
      <c r="AU7" s="323"/>
      <c r="AV7" s="323"/>
      <c r="AW7" s="323"/>
      <c r="AX7" s="323"/>
      <c r="AY7" s="323"/>
      <c r="AZ7" s="323"/>
      <c r="BA7" s="323"/>
      <c r="BB7" s="323"/>
      <c r="BC7" s="323"/>
      <c r="BD7" s="323"/>
      <c r="BE7" s="323"/>
      <c r="BF7" s="323"/>
      <c r="BG7" s="323"/>
      <c r="BH7" s="323"/>
      <c r="BI7" s="323"/>
      <c r="BJ7" s="323"/>
      <c r="BK7" s="323"/>
      <c r="BL7" s="324"/>
      <c r="BM7" s="327"/>
      <c r="BN7" s="323"/>
      <c r="BO7" s="323"/>
      <c r="BP7" s="323"/>
      <c r="BQ7" s="323"/>
      <c r="BR7" s="323"/>
      <c r="BS7" s="323"/>
      <c r="BT7" s="323"/>
      <c r="BU7" s="323"/>
      <c r="BV7" s="323"/>
      <c r="BW7" s="323"/>
      <c r="BX7" s="323"/>
      <c r="BY7" s="323"/>
      <c r="BZ7" s="323"/>
      <c r="CA7" s="323"/>
      <c r="CB7" s="323"/>
      <c r="CC7" s="323"/>
      <c r="CD7" s="323"/>
      <c r="CE7" s="323"/>
      <c r="CF7" s="324"/>
      <c r="CG7" s="325"/>
      <c r="CH7" s="323"/>
      <c r="CI7" s="323"/>
      <c r="CJ7" s="323"/>
      <c r="CK7" s="323"/>
      <c r="CL7" s="323"/>
      <c r="CM7" s="323"/>
      <c r="CN7" s="323"/>
      <c r="CO7" s="323"/>
      <c r="CP7" s="323"/>
      <c r="CQ7" s="323"/>
      <c r="CR7" s="323"/>
      <c r="CS7" s="323"/>
      <c r="CT7" s="323"/>
      <c r="CU7" s="323"/>
      <c r="CV7" s="323"/>
      <c r="CW7" s="323"/>
      <c r="CX7" s="323"/>
      <c r="CY7" s="323"/>
      <c r="CZ7" s="324"/>
    </row>
    <row r="8" spans="1:106" ht="26.5" thickBot="1" x14ac:dyDescent="0.6">
      <c r="A8" s="314"/>
      <c r="B8" s="314"/>
      <c r="C8" s="315"/>
      <c r="D8" s="194" t="s">
        <v>357</v>
      </c>
      <c r="E8" s="330"/>
      <c r="F8" s="328"/>
      <c r="G8" s="328"/>
      <c r="H8" s="328"/>
      <c r="I8" s="328"/>
      <c r="J8" s="328"/>
      <c r="K8" s="328"/>
      <c r="L8" s="328"/>
      <c r="M8" s="328"/>
      <c r="N8" s="328"/>
      <c r="O8" s="328"/>
      <c r="P8" s="328"/>
      <c r="Q8" s="328"/>
      <c r="R8" s="328"/>
      <c r="S8" s="328"/>
      <c r="T8" s="328"/>
      <c r="U8" s="328"/>
      <c r="V8" s="328"/>
      <c r="W8" s="328"/>
      <c r="X8" s="329"/>
      <c r="Y8" s="330"/>
      <c r="Z8" s="328"/>
      <c r="AA8" s="328"/>
      <c r="AB8" s="328"/>
      <c r="AC8" s="328"/>
      <c r="AD8" s="328"/>
      <c r="AE8" s="328"/>
      <c r="AF8" s="328"/>
      <c r="AG8" s="328"/>
      <c r="AH8" s="328"/>
      <c r="AI8" s="328"/>
      <c r="AJ8" s="328"/>
      <c r="AK8" s="328"/>
      <c r="AL8" s="328"/>
      <c r="AM8" s="328"/>
      <c r="AN8" s="328"/>
      <c r="AO8" s="328"/>
      <c r="AP8" s="328"/>
      <c r="AQ8" s="328"/>
      <c r="AR8" s="329"/>
      <c r="AS8" s="330"/>
      <c r="AT8" s="328"/>
      <c r="AU8" s="328"/>
      <c r="AV8" s="328"/>
      <c r="AW8" s="328"/>
      <c r="AX8" s="328"/>
      <c r="AY8" s="328"/>
      <c r="AZ8" s="328"/>
      <c r="BA8" s="328"/>
      <c r="BB8" s="328"/>
      <c r="BC8" s="328"/>
      <c r="BD8" s="328"/>
      <c r="BE8" s="328"/>
      <c r="BF8" s="328"/>
      <c r="BG8" s="328"/>
      <c r="BH8" s="328"/>
      <c r="BI8" s="328"/>
      <c r="BJ8" s="328"/>
      <c r="BK8" s="328"/>
      <c r="BL8" s="329"/>
      <c r="BM8" s="334"/>
      <c r="BN8" s="328"/>
      <c r="BO8" s="328"/>
      <c r="BP8" s="328"/>
      <c r="BQ8" s="328"/>
      <c r="BR8" s="328"/>
      <c r="BS8" s="328"/>
      <c r="BT8" s="328"/>
      <c r="BU8" s="328"/>
      <c r="BV8" s="328"/>
      <c r="BW8" s="328"/>
      <c r="BX8" s="328"/>
      <c r="BY8" s="328"/>
      <c r="BZ8" s="328"/>
      <c r="CA8" s="328"/>
      <c r="CB8" s="328"/>
      <c r="CC8" s="328"/>
      <c r="CD8" s="328"/>
      <c r="CE8" s="328"/>
      <c r="CF8" s="329"/>
      <c r="CG8" s="330"/>
      <c r="CH8" s="328"/>
      <c r="CI8" s="328"/>
      <c r="CJ8" s="328"/>
      <c r="CK8" s="328"/>
      <c r="CL8" s="328"/>
      <c r="CM8" s="328"/>
      <c r="CN8" s="328"/>
      <c r="CO8" s="328"/>
      <c r="CP8" s="328"/>
      <c r="CQ8" s="328"/>
      <c r="CR8" s="328"/>
      <c r="CS8" s="328"/>
      <c r="CT8" s="328"/>
      <c r="CU8" s="328"/>
      <c r="CV8" s="328"/>
      <c r="CW8" s="328"/>
      <c r="CX8" s="328"/>
      <c r="CY8" s="328"/>
      <c r="CZ8" s="329"/>
    </row>
    <row r="9" spans="1:106" ht="13" customHeight="1" thickTop="1" x14ac:dyDescent="0.55000000000000004">
      <c r="A9" s="316" t="s">
        <v>311</v>
      </c>
      <c r="B9" s="268" t="s">
        <v>312</v>
      </c>
      <c r="C9" s="271" t="s">
        <v>169</v>
      </c>
      <c r="D9" s="193" t="s">
        <v>171</v>
      </c>
      <c r="E9" s="196"/>
      <c r="F9" s="196"/>
      <c r="G9" s="196"/>
      <c r="H9" s="196"/>
      <c r="I9" s="196"/>
      <c r="J9" s="196"/>
      <c r="K9" s="196"/>
      <c r="L9" s="196"/>
      <c r="M9" s="196"/>
      <c r="N9" s="196"/>
      <c r="O9" s="196"/>
      <c r="P9" s="143"/>
      <c r="Q9" s="143"/>
      <c r="R9" s="143"/>
      <c r="S9" s="143"/>
      <c r="T9" s="143"/>
      <c r="U9" s="143"/>
      <c r="V9" s="143"/>
      <c r="W9" s="143"/>
      <c r="X9" s="144"/>
      <c r="Y9" s="207"/>
      <c r="Z9" s="207"/>
      <c r="AA9" s="207"/>
      <c r="AB9" s="207"/>
      <c r="AC9" s="207"/>
      <c r="AD9" s="207"/>
      <c r="AE9" s="207"/>
      <c r="AF9" s="207"/>
      <c r="AG9" s="207"/>
      <c r="AH9" s="207"/>
      <c r="AI9" s="207"/>
      <c r="AJ9" s="200"/>
      <c r="AK9" s="200"/>
      <c r="AL9" s="200"/>
      <c r="AM9" s="200"/>
      <c r="AN9" s="200"/>
      <c r="AO9" s="200"/>
      <c r="AP9" s="200"/>
      <c r="AQ9" s="200"/>
      <c r="AR9" s="201"/>
      <c r="AS9" s="275"/>
      <c r="AT9" s="275"/>
      <c r="AU9" s="275"/>
      <c r="AV9" s="275"/>
      <c r="AW9" s="275"/>
      <c r="AX9" s="275"/>
      <c r="AY9" s="275"/>
      <c r="AZ9" s="275"/>
      <c r="BA9" s="275"/>
      <c r="BB9" s="275"/>
      <c r="BC9" s="275"/>
      <c r="BD9" s="275"/>
      <c r="BE9" s="275"/>
      <c r="BF9" s="275"/>
      <c r="BG9" s="275"/>
      <c r="BH9" s="275"/>
      <c r="BI9" s="275"/>
      <c r="BJ9" s="275"/>
      <c r="BK9" s="275"/>
      <c r="BL9" s="276"/>
      <c r="BM9" s="277"/>
      <c r="BN9" s="275"/>
      <c r="BO9" s="275"/>
      <c r="BP9" s="275"/>
      <c r="BQ9" s="275"/>
      <c r="BR9" s="275"/>
      <c r="BS9" s="275"/>
      <c r="BT9" s="275"/>
      <c r="BU9" s="275"/>
      <c r="BV9" s="275"/>
      <c r="BW9" s="275"/>
      <c r="BX9" s="275"/>
      <c r="BY9" s="275"/>
      <c r="BZ9" s="275"/>
      <c r="CA9" s="275"/>
      <c r="CB9" s="275"/>
      <c r="CC9" s="275"/>
      <c r="CD9" s="275"/>
      <c r="CE9" s="275"/>
      <c r="CF9" s="276"/>
      <c r="CG9" s="275"/>
      <c r="CH9" s="275"/>
      <c r="CI9" s="275"/>
      <c r="CJ9" s="275"/>
      <c r="CK9" s="275"/>
      <c r="CL9" s="275"/>
      <c r="CM9" s="275"/>
      <c r="CN9" s="275"/>
      <c r="CO9" s="275"/>
      <c r="CP9" s="275"/>
      <c r="CQ9" s="275"/>
      <c r="CR9" s="275"/>
      <c r="CS9" s="275"/>
      <c r="CT9" s="275"/>
      <c r="CU9" s="275"/>
      <c r="CV9" s="275"/>
      <c r="CW9" s="275"/>
      <c r="CX9" s="275"/>
      <c r="CY9" s="275"/>
      <c r="CZ9" s="276"/>
    </row>
    <row r="10" spans="1:106" ht="13" customHeight="1" x14ac:dyDescent="0.55000000000000004">
      <c r="A10" s="317"/>
      <c r="B10" s="268"/>
      <c r="C10" s="304"/>
      <c r="D10" s="50" t="s">
        <v>172</v>
      </c>
      <c r="E10" s="132"/>
      <c r="F10" s="132"/>
      <c r="G10" s="132"/>
      <c r="H10" s="132"/>
      <c r="I10" s="132"/>
      <c r="J10" s="132"/>
      <c r="K10" s="132"/>
      <c r="L10" s="132"/>
      <c r="M10" s="132"/>
      <c r="N10" s="132"/>
      <c r="O10" s="132"/>
      <c r="P10" s="133"/>
      <c r="Q10" s="133"/>
      <c r="R10" s="133"/>
      <c r="S10" s="133"/>
      <c r="T10" s="133"/>
      <c r="U10" s="133"/>
      <c r="V10" s="133"/>
      <c r="W10" s="133"/>
      <c r="X10" s="134"/>
      <c r="Y10" s="140"/>
      <c r="Z10" s="208"/>
      <c r="AA10" s="208"/>
      <c r="AB10" s="208"/>
      <c r="AC10" s="208"/>
      <c r="AD10" s="208"/>
      <c r="AE10" s="208"/>
      <c r="AF10" s="208"/>
      <c r="AG10" s="208"/>
      <c r="AH10" s="208"/>
      <c r="AI10" s="208"/>
      <c r="AJ10" s="141"/>
      <c r="AK10" s="141"/>
      <c r="AL10" s="141"/>
      <c r="AM10" s="141"/>
      <c r="AN10" s="141"/>
      <c r="AO10" s="141"/>
      <c r="AP10" s="141"/>
      <c r="AQ10" s="141"/>
      <c r="AR10" s="142"/>
      <c r="AS10" s="277"/>
      <c r="AT10" s="275"/>
      <c r="AU10" s="275"/>
      <c r="AV10" s="275"/>
      <c r="AW10" s="275"/>
      <c r="AX10" s="275"/>
      <c r="AY10" s="275"/>
      <c r="AZ10" s="275"/>
      <c r="BA10" s="275"/>
      <c r="BB10" s="275"/>
      <c r="BC10" s="275"/>
      <c r="BD10" s="275"/>
      <c r="BE10" s="275"/>
      <c r="BF10" s="275"/>
      <c r="BG10" s="275"/>
      <c r="BH10" s="275"/>
      <c r="BI10" s="275"/>
      <c r="BJ10" s="275"/>
      <c r="BK10" s="275"/>
      <c r="BL10" s="276"/>
      <c r="BM10" s="277"/>
      <c r="BN10" s="275"/>
      <c r="BO10" s="275"/>
      <c r="BP10" s="275"/>
      <c r="BQ10" s="275"/>
      <c r="BR10" s="275"/>
      <c r="BS10" s="275"/>
      <c r="BT10" s="275"/>
      <c r="BU10" s="275"/>
      <c r="BV10" s="275"/>
      <c r="BW10" s="275"/>
      <c r="BX10" s="275"/>
      <c r="BY10" s="275"/>
      <c r="BZ10" s="275"/>
      <c r="CA10" s="275"/>
      <c r="CB10" s="275"/>
      <c r="CC10" s="275"/>
      <c r="CD10" s="275"/>
      <c r="CE10" s="275"/>
      <c r="CF10" s="276"/>
      <c r="CG10" s="275"/>
      <c r="CH10" s="275"/>
      <c r="CI10" s="275"/>
      <c r="CJ10" s="275"/>
      <c r="CK10" s="275"/>
      <c r="CL10" s="275"/>
      <c r="CM10" s="275"/>
      <c r="CN10" s="275"/>
      <c r="CO10" s="275"/>
      <c r="CP10" s="275"/>
      <c r="CQ10" s="275"/>
      <c r="CR10" s="275"/>
      <c r="CS10" s="275"/>
      <c r="CT10" s="275"/>
      <c r="CU10" s="275"/>
      <c r="CV10" s="275"/>
      <c r="CW10" s="275"/>
      <c r="CX10" s="275"/>
      <c r="CY10" s="275"/>
      <c r="CZ10" s="276"/>
    </row>
    <row r="11" spans="1:106" ht="14.5" customHeight="1" x14ac:dyDescent="0.55000000000000004">
      <c r="A11" s="317"/>
      <c r="B11" s="268"/>
      <c r="C11" s="304"/>
      <c r="D11" s="50" t="s">
        <v>173</v>
      </c>
      <c r="E11" s="132"/>
      <c r="F11" s="132"/>
      <c r="G11" s="132"/>
      <c r="H11" s="132"/>
      <c r="I11" s="132"/>
      <c r="J11" s="132"/>
      <c r="K11" s="132"/>
      <c r="L11" s="132"/>
      <c r="M11" s="132"/>
      <c r="N11" s="132"/>
      <c r="O11" s="132"/>
      <c r="P11" s="133"/>
      <c r="Q11" s="133"/>
      <c r="R11" s="133"/>
      <c r="S11" s="133"/>
      <c r="T11" s="133"/>
      <c r="U11" s="133"/>
      <c r="V11" s="133"/>
      <c r="W11" s="133"/>
      <c r="X11" s="134"/>
      <c r="Y11" s="140"/>
      <c r="Z11" s="208"/>
      <c r="AA11" s="208"/>
      <c r="AB11" s="208"/>
      <c r="AC11" s="208"/>
      <c r="AD11" s="208"/>
      <c r="AE11" s="208"/>
      <c r="AF11" s="208"/>
      <c r="AG11" s="208"/>
      <c r="AH11" s="208"/>
      <c r="AI11" s="208"/>
      <c r="AJ11" s="141"/>
      <c r="AK11" s="141"/>
      <c r="AL11" s="141"/>
      <c r="AM11" s="141"/>
      <c r="AN11" s="141"/>
      <c r="AO11" s="141"/>
      <c r="AP11" s="141"/>
      <c r="AQ11" s="141"/>
      <c r="AR11" s="142"/>
      <c r="AS11" s="277"/>
      <c r="AT11" s="275"/>
      <c r="AU11" s="275"/>
      <c r="AV11" s="275"/>
      <c r="AW11" s="275"/>
      <c r="AX11" s="275"/>
      <c r="AY11" s="275"/>
      <c r="AZ11" s="275"/>
      <c r="BA11" s="275"/>
      <c r="BB11" s="275"/>
      <c r="BC11" s="275"/>
      <c r="BD11" s="275"/>
      <c r="BE11" s="275"/>
      <c r="BF11" s="275"/>
      <c r="BG11" s="275"/>
      <c r="BH11" s="275"/>
      <c r="BI11" s="275"/>
      <c r="BJ11" s="275"/>
      <c r="BK11" s="275"/>
      <c r="BL11" s="276"/>
      <c r="BM11" s="277"/>
      <c r="BN11" s="275"/>
      <c r="BO11" s="275"/>
      <c r="BP11" s="275"/>
      <c r="BQ11" s="275"/>
      <c r="BR11" s="275"/>
      <c r="BS11" s="275"/>
      <c r="BT11" s="275"/>
      <c r="BU11" s="275"/>
      <c r="BV11" s="275"/>
      <c r="BW11" s="275"/>
      <c r="BX11" s="275"/>
      <c r="BY11" s="275"/>
      <c r="BZ11" s="275"/>
      <c r="CA11" s="275"/>
      <c r="CB11" s="275"/>
      <c r="CC11" s="275"/>
      <c r="CD11" s="275"/>
      <c r="CE11" s="275"/>
      <c r="CF11" s="276"/>
      <c r="CG11" s="275"/>
      <c r="CH11" s="275"/>
      <c r="CI11" s="275"/>
      <c r="CJ11" s="275"/>
      <c r="CK11" s="275"/>
      <c r="CL11" s="275"/>
      <c r="CM11" s="275"/>
      <c r="CN11" s="275"/>
      <c r="CO11" s="275"/>
      <c r="CP11" s="275"/>
      <c r="CQ11" s="275"/>
      <c r="CR11" s="275"/>
      <c r="CS11" s="275"/>
      <c r="CT11" s="275"/>
      <c r="CU11" s="275"/>
      <c r="CV11" s="275"/>
      <c r="CW11" s="275"/>
      <c r="CX11" s="275"/>
      <c r="CY11" s="275"/>
      <c r="CZ11" s="276"/>
    </row>
    <row r="12" spans="1:106" ht="26" customHeight="1" x14ac:dyDescent="0.55000000000000004">
      <c r="A12" s="317"/>
      <c r="B12" s="268"/>
      <c r="C12" s="265" t="s">
        <v>170</v>
      </c>
      <c r="D12" s="50" t="s">
        <v>317</v>
      </c>
      <c r="E12" s="132"/>
      <c r="F12" s="132"/>
      <c r="G12" s="132"/>
      <c r="H12" s="132"/>
      <c r="I12" s="132"/>
      <c r="J12" s="132"/>
      <c r="K12" s="132"/>
      <c r="L12" s="132"/>
      <c r="M12" s="132"/>
      <c r="N12" s="132"/>
      <c r="O12" s="132"/>
      <c r="P12" s="133"/>
      <c r="Q12" s="133"/>
      <c r="R12" s="133"/>
      <c r="S12" s="133"/>
      <c r="T12" s="133"/>
      <c r="U12" s="133"/>
      <c r="V12" s="133"/>
      <c r="W12" s="133"/>
      <c r="X12" s="134"/>
      <c r="Y12" s="140"/>
      <c r="Z12" s="208"/>
      <c r="AA12" s="208"/>
      <c r="AB12" s="208"/>
      <c r="AC12" s="208"/>
      <c r="AD12" s="208"/>
      <c r="AE12" s="208"/>
      <c r="AF12" s="208"/>
      <c r="AG12" s="208"/>
      <c r="AH12" s="208"/>
      <c r="AI12" s="208"/>
      <c r="AJ12" s="141"/>
      <c r="AK12" s="141"/>
      <c r="AL12" s="141"/>
      <c r="AM12" s="141"/>
      <c r="AN12" s="141"/>
      <c r="AO12" s="141"/>
      <c r="AP12" s="141"/>
      <c r="AQ12" s="141"/>
      <c r="AR12" s="142"/>
      <c r="AS12" s="277"/>
      <c r="AT12" s="275"/>
      <c r="AU12" s="275"/>
      <c r="AV12" s="275"/>
      <c r="AW12" s="275"/>
      <c r="AX12" s="275"/>
      <c r="AY12" s="275"/>
      <c r="AZ12" s="275"/>
      <c r="BA12" s="275"/>
      <c r="BB12" s="275"/>
      <c r="BC12" s="275"/>
      <c r="BD12" s="275"/>
      <c r="BE12" s="275"/>
      <c r="BF12" s="275"/>
      <c r="BG12" s="275"/>
      <c r="BH12" s="275"/>
      <c r="BI12" s="275"/>
      <c r="BJ12" s="275"/>
      <c r="BK12" s="275"/>
      <c r="BL12" s="276"/>
      <c r="BM12" s="277"/>
      <c r="BN12" s="275"/>
      <c r="BO12" s="275"/>
      <c r="BP12" s="275"/>
      <c r="BQ12" s="275"/>
      <c r="BR12" s="275"/>
      <c r="BS12" s="275"/>
      <c r="BT12" s="275"/>
      <c r="BU12" s="275"/>
      <c r="BV12" s="275"/>
      <c r="BW12" s="275"/>
      <c r="BX12" s="275"/>
      <c r="BY12" s="275"/>
      <c r="BZ12" s="275"/>
      <c r="CA12" s="275"/>
      <c r="CB12" s="275"/>
      <c r="CC12" s="275"/>
      <c r="CD12" s="275"/>
      <c r="CE12" s="275"/>
      <c r="CF12" s="276"/>
      <c r="CG12" s="275"/>
      <c r="CH12" s="275"/>
      <c r="CI12" s="275"/>
      <c r="CJ12" s="275"/>
      <c r="CK12" s="275"/>
      <c r="CL12" s="275"/>
      <c r="CM12" s="275"/>
      <c r="CN12" s="275"/>
      <c r="CO12" s="275"/>
      <c r="CP12" s="275"/>
      <c r="CQ12" s="275"/>
      <c r="CR12" s="275"/>
      <c r="CS12" s="275"/>
      <c r="CT12" s="275"/>
      <c r="CU12" s="275"/>
      <c r="CV12" s="275"/>
      <c r="CW12" s="275"/>
      <c r="CX12" s="275"/>
      <c r="CY12" s="275"/>
      <c r="CZ12" s="276"/>
    </row>
    <row r="13" spans="1:106" ht="12" customHeight="1" x14ac:dyDescent="0.55000000000000004">
      <c r="A13" s="317"/>
      <c r="B13" s="268"/>
      <c r="C13" s="266"/>
      <c r="D13" s="50" t="s">
        <v>174</v>
      </c>
      <c r="E13" s="132"/>
      <c r="F13" s="132"/>
      <c r="G13" s="132"/>
      <c r="H13" s="132"/>
      <c r="I13" s="132"/>
      <c r="J13" s="132"/>
      <c r="K13" s="132"/>
      <c r="L13" s="132"/>
      <c r="M13" s="132"/>
      <c r="N13" s="132"/>
      <c r="O13" s="132"/>
      <c r="P13" s="133"/>
      <c r="Q13" s="133"/>
      <c r="R13" s="133"/>
      <c r="S13" s="133"/>
      <c r="T13" s="133"/>
      <c r="U13" s="133"/>
      <c r="V13" s="133"/>
      <c r="W13" s="133"/>
      <c r="X13" s="134"/>
      <c r="Y13" s="140"/>
      <c r="Z13" s="208"/>
      <c r="AA13" s="208"/>
      <c r="AB13" s="208"/>
      <c r="AC13" s="208"/>
      <c r="AD13" s="208"/>
      <c r="AE13" s="208"/>
      <c r="AF13" s="208"/>
      <c r="AG13" s="208"/>
      <c r="AH13" s="208"/>
      <c r="AI13" s="208"/>
      <c r="AJ13" s="141"/>
      <c r="AK13" s="141"/>
      <c r="AL13" s="141"/>
      <c r="AM13" s="141"/>
      <c r="AN13" s="141"/>
      <c r="AO13" s="141"/>
      <c r="AP13" s="141"/>
      <c r="AQ13" s="141"/>
      <c r="AR13" s="142"/>
      <c r="AS13" s="277"/>
      <c r="AT13" s="275"/>
      <c r="AU13" s="275"/>
      <c r="AV13" s="275"/>
      <c r="AW13" s="275"/>
      <c r="AX13" s="275"/>
      <c r="AY13" s="275"/>
      <c r="AZ13" s="275"/>
      <c r="BA13" s="275"/>
      <c r="BB13" s="275"/>
      <c r="BC13" s="275"/>
      <c r="BD13" s="275"/>
      <c r="BE13" s="275"/>
      <c r="BF13" s="275"/>
      <c r="BG13" s="275"/>
      <c r="BH13" s="275"/>
      <c r="BI13" s="275"/>
      <c r="BJ13" s="275"/>
      <c r="BK13" s="275"/>
      <c r="BL13" s="276"/>
      <c r="BM13" s="277"/>
      <c r="BN13" s="275"/>
      <c r="BO13" s="275"/>
      <c r="BP13" s="275"/>
      <c r="BQ13" s="275"/>
      <c r="BR13" s="275"/>
      <c r="BS13" s="275"/>
      <c r="BT13" s="275"/>
      <c r="BU13" s="275"/>
      <c r="BV13" s="275"/>
      <c r="BW13" s="275"/>
      <c r="BX13" s="275"/>
      <c r="BY13" s="275"/>
      <c r="BZ13" s="275"/>
      <c r="CA13" s="275"/>
      <c r="CB13" s="275"/>
      <c r="CC13" s="275"/>
      <c r="CD13" s="275"/>
      <c r="CE13" s="275"/>
      <c r="CF13" s="276"/>
      <c r="CG13" s="275"/>
      <c r="CH13" s="275"/>
      <c r="CI13" s="275"/>
      <c r="CJ13" s="275"/>
      <c r="CK13" s="275"/>
      <c r="CL13" s="275"/>
      <c r="CM13" s="275"/>
      <c r="CN13" s="275"/>
      <c r="CO13" s="275"/>
      <c r="CP13" s="275"/>
      <c r="CQ13" s="275"/>
      <c r="CR13" s="275"/>
      <c r="CS13" s="275"/>
      <c r="CT13" s="275"/>
      <c r="CU13" s="275"/>
      <c r="CV13" s="275"/>
      <c r="CW13" s="275"/>
      <c r="CX13" s="275"/>
      <c r="CY13" s="275"/>
      <c r="CZ13" s="276"/>
    </row>
    <row r="14" spans="1:106" ht="13.5" customHeight="1" x14ac:dyDescent="0.55000000000000004">
      <c r="A14" s="317"/>
      <c r="B14" s="268"/>
      <c r="C14" s="266"/>
      <c r="D14" s="50" t="s">
        <v>318</v>
      </c>
      <c r="E14" s="136"/>
      <c r="F14" s="136"/>
      <c r="G14" s="136"/>
      <c r="H14" s="136"/>
      <c r="I14" s="136"/>
      <c r="J14" s="136"/>
      <c r="K14" s="136"/>
      <c r="L14" s="136"/>
      <c r="M14" s="136"/>
      <c r="N14" s="136"/>
      <c r="O14" s="136"/>
      <c r="P14" s="133"/>
      <c r="Q14" s="133"/>
      <c r="R14" s="133"/>
      <c r="S14" s="133"/>
      <c r="T14" s="133"/>
      <c r="U14" s="133"/>
      <c r="V14" s="133"/>
      <c r="W14" s="133"/>
      <c r="X14" s="134"/>
      <c r="Y14" s="140"/>
      <c r="Z14" s="208"/>
      <c r="AA14" s="208"/>
      <c r="AB14" s="208"/>
      <c r="AC14" s="208"/>
      <c r="AD14" s="208"/>
      <c r="AE14" s="208"/>
      <c r="AF14" s="208"/>
      <c r="AG14" s="208"/>
      <c r="AH14" s="208"/>
      <c r="AI14" s="208"/>
      <c r="AJ14" s="141"/>
      <c r="AK14" s="141"/>
      <c r="AL14" s="141"/>
      <c r="AM14" s="141"/>
      <c r="AN14" s="141"/>
      <c r="AO14" s="141"/>
      <c r="AP14" s="141"/>
      <c r="AQ14" s="141"/>
      <c r="AR14" s="142"/>
      <c r="AS14" s="277"/>
      <c r="AT14" s="275"/>
      <c r="AU14" s="275"/>
      <c r="AV14" s="275"/>
      <c r="AW14" s="275"/>
      <c r="AX14" s="275"/>
      <c r="AY14" s="275"/>
      <c r="AZ14" s="275"/>
      <c r="BA14" s="275"/>
      <c r="BB14" s="275"/>
      <c r="BC14" s="275"/>
      <c r="BD14" s="275"/>
      <c r="BE14" s="275"/>
      <c r="BF14" s="275"/>
      <c r="BG14" s="275"/>
      <c r="BH14" s="275"/>
      <c r="BI14" s="275"/>
      <c r="BJ14" s="275"/>
      <c r="BK14" s="275"/>
      <c r="BL14" s="276"/>
      <c r="BM14" s="277"/>
      <c r="BN14" s="275"/>
      <c r="BO14" s="275"/>
      <c r="BP14" s="275"/>
      <c r="BQ14" s="275"/>
      <c r="BR14" s="275"/>
      <c r="BS14" s="275"/>
      <c r="BT14" s="275"/>
      <c r="BU14" s="275"/>
      <c r="BV14" s="275"/>
      <c r="BW14" s="275"/>
      <c r="BX14" s="275"/>
      <c r="BY14" s="275"/>
      <c r="BZ14" s="275"/>
      <c r="CA14" s="275"/>
      <c r="CB14" s="275"/>
      <c r="CC14" s="275"/>
      <c r="CD14" s="275"/>
      <c r="CE14" s="275"/>
      <c r="CF14" s="276"/>
      <c r="CG14" s="275"/>
      <c r="CH14" s="275"/>
      <c r="CI14" s="275"/>
      <c r="CJ14" s="275"/>
      <c r="CK14" s="275"/>
      <c r="CL14" s="275"/>
      <c r="CM14" s="275"/>
      <c r="CN14" s="275"/>
      <c r="CO14" s="275"/>
      <c r="CP14" s="275"/>
      <c r="CQ14" s="275"/>
      <c r="CR14" s="275"/>
      <c r="CS14" s="275"/>
      <c r="CT14" s="275"/>
      <c r="CU14" s="275"/>
      <c r="CV14" s="275"/>
      <c r="CW14" s="275"/>
      <c r="CX14" s="275"/>
      <c r="CY14" s="275"/>
      <c r="CZ14" s="276"/>
    </row>
    <row r="15" spans="1:106" ht="13" customHeight="1" x14ac:dyDescent="0.55000000000000004">
      <c r="A15" s="317"/>
      <c r="B15" s="268"/>
      <c r="C15" s="266"/>
      <c r="D15" s="50" t="s">
        <v>175</v>
      </c>
      <c r="E15" s="178"/>
      <c r="F15" s="172"/>
      <c r="G15" s="172"/>
      <c r="H15" s="172"/>
      <c r="I15" s="172"/>
      <c r="J15" s="172"/>
      <c r="K15" s="172"/>
      <c r="L15" s="172"/>
      <c r="M15" s="172"/>
      <c r="N15" s="172"/>
      <c r="O15" s="172"/>
      <c r="P15" s="173"/>
      <c r="Q15" s="173"/>
      <c r="R15" s="173"/>
      <c r="S15" s="173"/>
      <c r="T15" s="173"/>
      <c r="U15" s="173"/>
      <c r="V15" s="173"/>
      <c r="W15" s="173"/>
      <c r="X15" s="174"/>
      <c r="Y15" s="175"/>
      <c r="Z15" s="209"/>
      <c r="AA15" s="209"/>
      <c r="AB15" s="209"/>
      <c r="AC15" s="209"/>
      <c r="AD15" s="209"/>
      <c r="AE15" s="209"/>
      <c r="AF15" s="209"/>
      <c r="AG15" s="209"/>
      <c r="AH15" s="209"/>
      <c r="AI15" s="209"/>
      <c r="AJ15" s="176"/>
      <c r="AK15" s="176"/>
      <c r="AL15" s="176"/>
      <c r="AM15" s="176"/>
      <c r="AN15" s="176"/>
      <c r="AO15" s="176"/>
      <c r="AP15" s="176"/>
      <c r="AQ15" s="176"/>
      <c r="AR15" s="177"/>
      <c r="AS15" s="277"/>
      <c r="AT15" s="275"/>
      <c r="AU15" s="275"/>
      <c r="AV15" s="275"/>
      <c r="AW15" s="275"/>
      <c r="AX15" s="275"/>
      <c r="AY15" s="275"/>
      <c r="AZ15" s="275"/>
      <c r="BA15" s="275"/>
      <c r="BB15" s="275"/>
      <c r="BC15" s="275"/>
      <c r="BD15" s="275"/>
      <c r="BE15" s="275"/>
      <c r="BF15" s="275"/>
      <c r="BG15" s="275"/>
      <c r="BH15" s="275"/>
      <c r="BI15" s="275"/>
      <c r="BJ15" s="275"/>
      <c r="BK15" s="275"/>
      <c r="BL15" s="276"/>
      <c r="BM15" s="277"/>
      <c r="BN15" s="275"/>
      <c r="BO15" s="275"/>
      <c r="BP15" s="275"/>
      <c r="BQ15" s="275"/>
      <c r="BR15" s="275"/>
      <c r="BS15" s="275"/>
      <c r="BT15" s="275"/>
      <c r="BU15" s="275"/>
      <c r="BV15" s="275"/>
      <c r="BW15" s="275"/>
      <c r="BX15" s="275"/>
      <c r="BY15" s="275"/>
      <c r="BZ15" s="275"/>
      <c r="CA15" s="275"/>
      <c r="CB15" s="275"/>
      <c r="CC15" s="275"/>
      <c r="CD15" s="275"/>
      <c r="CE15" s="275"/>
      <c r="CF15" s="276"/>
      <c r="CG15" s="275"/>
      <c r="CH15" s="275"/>
      <c r="CI15" s="275"/>
      <c r="CJ15" s="275"/>
      <c r="CK15" s="275"/>
      <c r="CL15" s="275"/>
      <c r="CM15" s="275"/>
      <c r="CN15" s="275"/>
      <c r="CO15" s="275"/>
      <c r="CP15" s="275"/>
      <c r="CQ15" s="275"/>
      <c r="CR15" s="275"/>
      <c r="CS15" s="275"/>
      <c r="CT15" s="275"/>
      <c r="CU15" s="275"/>
      <c r="CV15" s="275"/>
      <c r="CW15" s="275"/>
      <c r="CX15" s="275"/>
      <c r="CY15" s="275"/>
      <c r="CZ15" s="276"/>
    </row>
    <row r="16" spans="1:106" ht="13.5" customHeight="1" x14ac:dyDescent="0.55000000000000004">
      <c r="A16" s="317"/>
      <c r="B16" s="269"/>
      <c r="C16" s="267"/>
      <c r="D16" s="171" t="s">
        <v>176</v>
      </c>
      <c r="E16" s="172"/>
      <c r="F16" s="172"/>
      <c r="G16" s="172"/>
      <c r="H16" s="172"/>
      <c r="I16" s="172"/>
      <c r="J16" s="172"/>
      <c r="K16" s="172"/>
      <c r="L16" s="172"/>
      <c r="M16" s="172"/>
      <c r="N16" s="172"/>
      <c r="O16" s="172"/>
      <c r="P16" s="173"/>
      <c r="Q16" s="173"/>
      <c r="R16" s="173"/>
      <c r="S16" s="173"/>
      <c r="T16" s="173"/>
      <c r="U16" s="173"/>
      <c r="V16" s="173"/>
      <c r="W16" s="173"/>
      <c r="X16" s="174"/>
      <c r="Y16" s="175"/>
      <c r="Z16" s="209"/>
      <c r="AA16" s="209"/>
      <c r="AB16" s="209"/>
      <c r="AC16" s="209"/>
      <c r="AD16" s="209"/>
      <c r="AE16" s="209"/>
      <c r="AF16" s="209"/>
      <c r="AG16" s="209"/>
      <c r="AH16" s="209"/>
      <c r="AI16" s="209"/>
      <c r="AJ16" s="176"/>
      <c r="AK16" s="176"/>
      <c r="AL16" s="176"/>
      <c r="AM16" s="176"/>
      <c r="AN16" s="176"/>
      <c r="AO16" s="176"/>
      <c r="AP16" s="176"/>
      <c r="AQ16" s="176"/>
      <c r="AR16" s="177"/>
      <c r="AS16" s="278"/>
      <c r="AT16" s="279"/>
      <c r="AU16" s="279"/>
      <c r="AV16" s="279"/>
      <c r="AW16" s="279"/>
      <c r="AX16" s="279"/>
      <c r="AY16" s="279"/>
      <c r="AZ16" s="279"/>
      <c r="BA16" s="279"/>
      <c r="BB16" s="279"/>
      <c r="BC16" s="279"/>
      <c r="BD16" s="279"/>
      <c r="BE16" s="279"/>
      <c r="BF16" s="279"/>
      <c r="BG16" s="279"/>
      <c r="BH16" s="279"/>
      <c r="BI16" s="279"/>
      <c r="BJ16" s="279"/>
      <c r="BK16" s="279"/>
      <c r="BL16" s="280"/>
      <c r="BM16" s="278"/>
      <c r="BN16" s="279"/>
      <c r="BO16" s="279"/>
      <c r="BP16" s="279"/>
      <c r="BQ16" s="279"/>
      <c r="BR16" s="279"/>
      <c r="BS16" s="279"/>
      <c r="BT16" s="279"/>
      <c r="BU16" s="279"/>
      <c r="BV16" s="279"/>
      <c r="BW16" s="279"/>
      <c r="BX16" s="279"/>
      <c r="BY16" s="279"/>
      <c r="BZ16" s="279"/>
      <c r="CA16" s="279"/>
      <c r="CB16" s="279"/>
      <c r="CC16" s="279"/>
      <c r="CD16" s="279"/>
      <c r="CE16" s="279"/>
      <c r="CF16" s="280"/>
      <c r="CG16" s="279"/>
      <c r="CH16" s="279"/>
      <c r="CI16" s="279"/>
      <c r="CJ16" s="279"/>
      <c r="CK16" s="279"/>
      <c r="CL16" s="279"/>
      <c r="CM16" s="279"/>
      <c r="CN16" s="279"/>
      <c r="CO16" s="279"/>
      <c r="CP16" s="279"/>
      <c r="CQ16" s="279"/>
      <c r="CR16" s="279"/>
      <c r="CS16" s="279"/>
      <c r="CT16" s="279"/>
      <c r="CU16" s="279"/>
      <c r="CV16" s="279"/>
      <c r="CW16" s="279"/>
      <c r="CX16" s="279"/>
      <c r="CY16" s="279"/>
      <c r="CZ16" s="280"/>
    </row>
    <row r="17" spans="1:104" ht="13" customHeight="1" x14ac:dyDescent="0.55000000000000004">
      <c r="A17" s="317"/>
      <c r="B17" s="263" t="s">
        <v>313</v>
      </c>
      <c r="C17" s="270" t="s">
        <v>177</v>
      </c>
      <c r="D17" s="52" t="s">
        <v>186</v>
      </c>
      <c r="E17" s="281"/>
      <c r="F17" s="282"/>
      <c r="G17" s="282"/>
      <c r="H17" s="282"/>
      <c r="I17" s="282"/>
      <c r="J17" s="282"/>
      <c r="K17" s="282"/>
      <c r="L17" s="282"/>
      <c r="M17" s="282"/>
      <c r="N17" s="282"/>
      <c r="O17" s="282"/>
      <c r="P17" s="282"/>
      <c r="Q17" s="282"/>
      <c r="R17" s="282"/>
      <c r="S17" s="282"/>
      <c r="T17" s="282"/>
      <c r="U17" s="282"/>
      <c r="V17" s="282"/>
      <c r="W17" s="282"/>
      <c r="X17" s="282"/>
      <c r="Y17" s="289"/>
      <c r="Z17" s="282"/>
      <c r="AA17" s="282"/>
      <c r="AB17" s="282"/>
      <c r="AC17" s="282"/>
      <c r="AD17" s="282"/>
      <c r="AE17" s="282"/>
      <c r="AF17" s="282"/>
      <c r="AG17" s="282"/>
      <c r="AH17" s="282"/>
      <c r="AI17" s="282"/>
      <c r="AJ17" s="282"/>
      <c r="AK17" s="282"/>
      <c r="AL17" s="282"/>
      <c r="AM17" s="282"/>
      <c r="AN17" s="282"/>
      <c r="AO17" s="282"/>
      <c r="AP17" s="282"/>
      <c r="AQ17" s="282"/>
      <c r="AR17" s="285"/>
      <c r="AS17" s="131"/>
      <c r="AT17" s="210"/>
      <c r="AU17" s="210"/>
      <c r="AV17" s="210"/>
      <c r="AW17" s="210"/>
      <c r="AX17" s="210"/>
      <c r="AY17" s="210"/>
      <c r="AZ17" s="210"/>
      <c r="BA17" s="210"/>
      <c r="BB17" s="210"/>
      <c r="BC17" s="210"/>
      <c r="BD17" s="129"/>
      <c r="BE17" s="129"/>
      <c r="BF17" s="129"/>
      <c r="BG17" s="129"/>
      <c r="BH17" s="129"/>
      <c r="BI17" s="129"/>
      <c r="BJ17" s="129"/>
      <c r="BK17" s="129"/>
      <c r="BL17" s="130"/>
      <c r="BM17" s="137"/>
      <c r="BN17" s="211"/>
      <c r="BO17" s="211"/>
      <c r="BP17" s="211"/>
      <c r="BQ17" s="211"/>
      <c r="BR17" s="211"/>
      <c r="BS17" s="211"/>
      <c r="BT17" s="211"/>
      <c r="BU17" s="211"/>
      <c r="BV17" s="211"/>
      <c r="BW17" s="211"/>
      <c r="BX17" s="138"/>
      <c r="BY17" s="138"/>
      <c r="BZ17" s="138"/>
      <c r="CA17" s="138"/>
      <c r="CB17" s="138"/>
      <c r="CC17" s="138"/>
      <c r="CD17" s="138"/>
      <c r="CE17" s="138"/>
      <c r="CF17" s="138"/>
      <c r="CG17" s="289"/>
      <c r="CH17" s="282"/>
      <c r="CI17" s="282"/>
      <c r="CJ17" s="282"/>
      <c r="CK17" s="282"/>
      <c r="CL17" s="282"/>
      <c r="CM17" s="282"/>
      <c r="CN17" s="282"/>
      <c r="CO17" s="282"/>
      <c r="CP17" s="282"/>
      <c r="CQ17" s="282"/>
      <c r="CR17" s="282"/>
      <c r="CS17" s="282"/>
      <c r="CT17" s="282"/>
      <c r="CU17" s="282"/>
      <c r="CV17" s="282"/>
      <c r="CW17" s="282"/>
      <c r="CX17" s="282"/>
      <c r="CY17" s="282"/>
      <c r="CZ17" s="285"/>
    </row>
    <row r="18" spans="1:104" ht="13" customHeight="1" x14ac:dyDescent="0.55000000000000004">
      <c r="A18" s="317"/>
      <c r="B18" s="264"/>
      <c r="C18" s="266"/>
      <c r="D18" s="50" t="s">
        <v>178</v>
      </c>
      <c r="E18" s="283"/>
      <c r="F18" s="275"/>
      <c r="G18" s="275"/>
      <c r="H18" s="275"/>
      <c r="I18" s="275"/>
      <c r="J18" s="275"/>
      <c r="K18" s="275"/>
      <c r="L18" s="275"/>
      <c r="M18" s="275"/>
      <c r="N18" s="275"/>
      <c r="O18" s="275"/>
      <c r="P18" s="275"/>
      <c r="Q18" s="275"/>
      <c r="R18" s="275"/>
      <c r="S18" s="275"/>
      <c r="T18" s="275"/>
      <c r="U18" s="275"/>
      <c r="V18" s="275"/>
      <c r="W18" s="275"/>
      <c r="X18" s="275"/>
      <c r="Y18" s="277"/>
      <c r="Z18" s="275"/>
      <c r="AA18" s="275"/>
      <c r="AB18" s="275"/>
      <c r="AC18" s="275"/>
      <c r="AD18" s="275"/>
      <c r="AE18" s="275"/>
      <c r="AF18" s="275"/>
      <c r="AG18" s="275"/>
      <c r="AH18" s="275"/>
      <c r="AI18" s="275"/>
      <c r="AJ18" s="275"/>
      <c r="AK18" s="275"/>
      <c r="AL18" s="275"/>
      <c r="AM18" s="275"/>
      <c r="AN18" s="275"/>
      <c r="AO18" s="275"/>
      <c r="AP18" s="275"/>
      <c r="AQ18" s="275"/>
      <c r="AR18" s="276"/>
      <c r="AS18" s="135"/>
      <c r="AT18" s="132"/>
      <c r="AU18" s="132"/>
      <c r="AV18" s="132"/>
      <c r="AW18" s="132"/>
      <c r="AX18" s="132"/>
      <c r="AY18" s="132"/>
      <c r="AZ18" s="132"/>
      <c r="BA18" s="132"/>
      <c r="BB18" s="132"/>
      <c r="BC18" s="132"/>
      <c r="BD18" s="133"/>
      <c r="BE18" s="133"/>
      <c r="BF18" s="133"/>
      <c r="BG18" s="133"/>
      <c r="BH18" s="133"/>
      <c r="BI18" s="133"/>
      <c r="BJ18" s="133"/>
      <c r="BK18" s="133"/>
      <c r="BL18" s="134"/>
      <c r="BM18" s="140"/>
      <c r="BN18" s="208"/>
      <c r="BO18" s="208"/>
      <c r="BP18" s="208"/>
      <c r="BQ18" s="208"/>
      <c r="BR18" s="208"/>
      <c r="BS18" s="208"/>
      <c r="BT18" s="208"/>
      <c r="BU18" s="208"/>
      <c r="BV18" s="208"/>
      <c r="BW18" s="208"/>
      <c r="BX18" s="141"/>
      <c r="BY18" s="141"/>
      <c r="BZ18" s="141"/>
      <c r="CA18" s="141"/>
      <c r="CB18" s="141"/>
      <c r="CC18" s="141"/>
      <c r="CD18" s="141"/>
      <c r="CE18" s="141"/>
      <c r="CF18" s="141"/>
      <c r="CG18" s="277"/>
      <c r="CH18" s="275"/>
      <c r="CI18" s="275"/>
      <c r="CJ18" s="275"/>
      <c r="CK18" s="275"/>
      <c r="CL18" s="275"/>
      <c r="CM18" s="275"/>
      <c r="CN18" s="275"/>
      <c r="CO18" s="275"/>
      <c r="CP18" s="275"/>
      <c r="CQ18" s="275"/>
      <c r="CR18" s="275"/>
      <c r="CS18" s="275"/>
      <c r="CT18" s="275"/>
      <c r="CU18" s="275"/>
      <c r="CV18" s="275"/>
      <c r="CW18" s="275"/>
      <c r="CX18" s="275"/>
      <c r="CY18" s="275"/>
      <c r="CZ18" s="276"/>
    </row>
    <row r="19" spans="1:104" x14ac:dyDescent="0.55000000000000004">
      <c r="A19" s="317"/>
      <c r="B19" s="264"/>
      <c r="C19" s="266"/>
      <c r="D19" s="50" t="s">
        <v>319</v>
      </c>
      <c r="E19" s="283"/>
      <c r="F19" s="275"/>
      <c r="G19" s="275"/>
      <c r="H19" s="275"/>
      <c r="I19" s="275"/>
      <c r="J19" s="275"/>
      <c r="K19" s="275"/>
      <c r="L19" s="275"/>
      <c r="M19" s="275"/>
      <c r="N19" s="275"/>
      <c r="O19" s="275"/>
      <c r="P19" s="275"/>
      <c r="Q19" s="275"/>
      <c r="R19" s="275"/>
      <c r="S19" s="275"/>
      <c r="T19" s="275"/>
      <c r="U19" s="275"/>
      <c r="V19" s="275"/>
      <c r="W19" s="275"/>
      <c r="X19" s="275"/>
      <c r="Y19" s="277"/>
      <c r="Z19" s="275"/>
      <c r="AA19" s="275"/>
      <c r="AB19" s="275"/>
      <c r="AC19" s="275"/>
      <c r="AD19" s="275"/>
      <c r="AE19" s="275"/>
      <c r="AF19" s="275"/>
      <c r="AG19" s="275"/>
      <c r="AH19" s="275"/>
      <c r="AI19" s="275"/>
      <c r="AJ19" s="275"/>
      <c r="AK19" s="275"/>
      <c r="AL19" s="275"/>
      <c r="AM19" s="275"/>
      <c r="AN19" s="275"/>
      <c r="AO19" s="275"/>
      <c r="AP19" s="275"/>
      <c r="AQ19" s="275"/>
      <c r="AR19" s="276"/>
      <c r="AS19" s="135"/>
      <c r="AT19" s="132"/>
      <c r="AU19" s="132"/>
      <c r="AV19" s="132"/>
      <c r="AW19" s="132"/>
      <c r="AX19" s="132"/>
      <c r="AY19" s="132"/>
      <c r="AZ19" s="132"/>
      <c r="BA19" s="132"/>
      <c r="BB19" s="132"/>
      <c r="BC19" s="132"/>
      <c r="BD19" s="133"/>
      <c r="BE19" s="133"/>
      <c r="BF19" s="133"/>
      <c r="BG19" s="133"/>
      <c r="BH19" s="133"/>
      <c r="BI19" s="133"/>
      <c r="BJ19" s="133"/>
      <c r="BK19" s="133"/>
      <c r="BL19" s="134"/>
      <c r="BM19" s="140"/>
      <c r="BN19" s="208"/>
      <c r="BO19" s="208"/>
      <c r="BP19" s="208"/>
      <c r="BQ19" s="208"/>
      <c r="BR19" s="208"/>
      <c r="BS19" s="208"/>
      <c r="BT19" s="208"/>
      <c r="BU19" s="208"/>
      <c r="BV19" s="208"/>
      <c r="BW19" s="208"/>
      <c r="BX19" s="141"/>
      <c r="BY19" s="141"/>
      <c r="BZ19" s="141"/>
      <c r="CA19" s="141"/>
      <c r="CB19" s="141"/>
      <c r="CC19" s="141"/>
      <c r="CD19" s="141"/>
      <c r="CE19" s="141"/>
      <c r="CF19" s="141"/>
      <c r="CG19" s="277"/>
      <c r="CH19" s="275"/>
      <c r="CI19" s="275"/>
      <c r="CJ19" s="275"/>
      <c r="CK19" s="275"/>
      <c r="CL19" s="275"/>
      <c r="CM19" s="275"/>
      <c r="CN19" s="275"/>
      <c r="CO19" s="275"/>
      <c r="CP19" s="275"/>
      <c r="CQ19" s="275"/>
      <c r="CR19" s="275"/>
      <c r="CS19" s="275"/>
      <c r="CT19" s="275"/>
      <c r="CU19" s="275"/>
      <c r="CV19" s="275"/>
      <c r="CW19" s="275"/>
      <c r="CX19" s="275"/>
      <c r="CY19" s="275"/>
      <c r="CZ19" s="276"/>
    </row>
    <row r="20" spans="1:104" ht="13" customHeight="1" x14ac:dyDescent="0.55000000000000004">
      <c r="A20" s="317"/>
      <c r="B20" s="264"/>
      <c r="C20" s="266"/>
      <c r="D20" s="50" t="s">
        <v>187</v>
      </c>
      <c r="E20" s="283"/>
      <c r="F20" s="275"/>
      <c r="G20" s="275"/>
      <c r="H20" s="275"/>
      <c r="I20" s="275"/>
      <c r="J20" s="275"/>
      <c r="K20" s="275"/>
      <c r="L20" s="275"/>
      <c r="M20" s="275"/>
      <c r="N20" s="275"/>
      <c r="O20" s="275"/>
      <c r="P20" s="275"/>
      <c r="Q20" s="275"/>
      <c r="R20" s="275"/>
      <c r="S20" s="275"/>
      <c r="T20" s="275"/>
      <c r="U20" s="275"/>
      <c r="V20" s="275"/>
      <c r="W20" s="275"/>
      <c r="X20" s="275"/>
      <c r="Y20" s="277"/>
      <c r="Z20" s="275"/>
      <c r="AA20" s="275"/>
      <c r="AB20" s="275"/>
      <c r="AC20" s="275"/>
      <c r="AD20" s="275"/>
      <c r="AE20" s="275"/>
      <c r="AF20" s="275"/>
      <c r="AG20" s="275"/>
      <c r="AH20" s="275"/>
      <c r="AI20" s="275"/>
      <c r="AJ20" s="275"/>
      <c r="AK20" s="275"/>
      <c r="AL20" s="275"/>
      <c r="AM20" s="275"/>
      <c r="AN20" s="275"/>
      <c r="AO20" s="275"/>
      <c r="AP20" s="275"/>
      <c r="AQ20" s="275"/>
      <c r="AR20" s="276"/>
      <c r="AS20" s="135"/>
      <c r="AT20" s="132"/>
      <c r="AU20" s="132"/>
      <c r="AV20" s="132"/>
      <c r="AW20" s="132"/>
      <c r="AX20" s="132"/>
      <c r="AY20" s="132"/>
      <c r="AZ20" s="132"/>
      <c r="BA20" s="132"/>
      <c r="BB20" s="132"/>
      <c r="BC20" s="132"/>
      <c r="BD20" s="133"/>
      <c r="BE20" s="133"/>
      <c r="BF20" s="133"/>
      <c r="BG20" s="133"/>
      <c r="BH20" s="133"/>
      <c r="BI20" s="133"/>
      <c r="BJ20" s="133"/>
      <c r="BK20" s="133"/>
      <c r="BL20" s="134"/>
      <c r="BM20" s="140"/>
      <c r="BN20" s="208"/>
      <c r="BO20" s="208"/>
      <c r="BP20" s="208"/>
      <c r="BQ20" s="208"/>
      <c r="BR20" s="208"/>
      <c r="BS20" s="208"/>
      <c r="BT20" s="208"/>
      <c r="BU20" s="208"/>
      <c r="BV20" s="208"/>
      <c r="BW20" s="208"/>
      <c r="BX20" s="141"/>
      <c r="BY20" s="141"/>
      <c r="BZ20" s="141"/>
      <c r="CA20" s="141"/>
      <c r="CB20" s="141"/>
      <c r="CC20" s="141"/>
      <c r="CD20" s="141"/>
      <c r="CE20" s="141"/>
      <c r="CF20" s="141"/>
      <c r="CG20" s="277"/>
      <c r="CH20" s="275"/>
      <c r="CI20" s="275"/>
      <c r="CJ20" s="275"/>
      <c r="CK20" s="275"/>
      <c r="CL20" s="275"/>
      <c r="CM20" s="275"/>
      <c r="CN20" s="275"/>
      <c r="CO20" s="275"/>
      <c r="CP20" s="275"/>
      <c r="CQ20" s="275"/>
      <c r="CR20" s="275"/>
      <c r="CS20" s="275"/>
      <c r="CT20" s="275"/>
      <c r="CU20" s="275"/>
      <c r="CV20" s="275"/>
      <c r="CW20" s="275"/>
      <c r="CX20" s="275"/>
      <c r="CY20" s="275"/>
      <c r="CZ20" s="276"/>
    </row>
    <row r="21" spans="1:104" ht="26" x14ac:dyDescent="0.55000000000000004">
      <c r="A21" s="317"/>
      <c r="B21" s="264"/>
      <c r="C21" s="266"/>
      <c r="D21" s="50" t="s">
        <v>316</v>
      </c>
      <c r="E21" s="283"/>
      <c r="F21" s="275"/>
      <c r="G21" s="275"/>
      <c r="H21" s="275"/>
      <c r="I21" s="275"/>
      <c r="J21" s="275"/>
      <c r="K21" s="275"/>
      <c r="L21" s="275"/>
      <c r="M21" s="275"/>
      <c r="N21" s="275"/>
      <c r="O21" s="275"/>
      <c r="P21" s="275"/>
      <c r="Q21" s="275"/>
      <c r="R21" s="275"/>
      <c r="S21" s="275"/>
      <c r="T21" s="275"/>
      <c r="U21" s="275"/>
      <c r="V21" s="275"/>
      <c r="W21" s="275"/>
      <c r="X21" s="275"/>
      <c r="Y21" s="277"/>
      <c r="Z21" s="275"/>
      <c r="AA21" s="275"/>
      <c r="AB21" s="275"/>
      <c r="AC21" s="275"/>
      <c r="AD21" s="275"/>
      <c r="AE21" s="275"/>
      <c r="AF21" s="275"/>
      <c r="AG21" s="275"/>
      <c r="AH21" s="275"/>
      <c r="AI21" s="275"/>
      <c r="AJ21" s="275"/>
      <c r="AK21" s="275"/>
      <c r="AL21" s="275"/>
      <c r="AM21" s="275"/>
      <c r="AN21" s="275"/>
      <c r="AO21" s="275"/>
      <c r="AP21" s="275"/>
      <c r="AQ21" s="275"/>
      <c r="AR21" s="276"/>
      <c r="AS21" s="135"/>
      <c r="AT21" s="132"/>
      <c r="AU21" s="132"/>
      <c r="AV21" s="132"/>
      <c r="AW21" s="132"/>
      <c r="AX21" s="132"/>
      <c r="AY21" s="132"/>
      <c r="AZ21" s="132"/>
      <c r="BA21" s="132"/>
      <c r="BB21" s="132"/>
      <c r="BC21" s="132"/>
      <c r="BD21" s="133"/>
      <c r="BE21" s="133"/>
      <c r="BF21" s="133"/>
      <c r="BG21" s="133"/>
      <c r="BH21" s="133"/>
      <c r="BI21" s="133"/>
      <c r="BJ21" s="133"/>
      <c r="BK21" s="133"/>
      <c r="BL21" s="134"/>
      <c r="BM21" s="140"/>
      <c r="BN21" s="208"/>
      <c r="BO21" s="208"/>
      <c r="BP21" s="208"/>
      <c r="BQ21" s="208"/>
      <c r="BR21" s="208"/>
      <c r="BS21" s="208"/>
      <c r="BT21" s="208"/>
      <c r="BU21" s="208"/>
      <c r="BV21" s="208"/>
      <c r="BW21" s="208"/>
      <c r="BX21" s="141"/>
      <c r="BY21" s="141"/>
      <c r="BZ21" s="141"/>
      <c r="CA21" s="141"/>
      <c r="CB21" s="141"/>
      <c r="CC21" s="141"/>
      <c r="CD21" s="141"/>
      <c r="CE21" s="141"/>
      <c r="CF21" s="141"/>
      <c r="CG21" s="277"/>
      <c r="CH21" s="275"/>
      <c r="CI21" s="275"/>
      <c r="CJ21" s="275"/>
      <c r="CK21" s="275"/>
      <c r="CL21" s="275"/>
      <c r="CM21" s="275"/>
      <c r="CN21" s="275"/>
      <c r="CO21" s="275"/>
      <c r="CP21" s="275"/>
      <c r="CQ21" s="275"/>
      <c r="CR21" s="275"/>
      <c r="CS21" s="275"/>
      <c r="CT21" s="275"/>
      <c r="CU21" s="275"/>
      <c r="CV21" s="275"/>
      <c r="CW21" s="275"/>
      <c r="CX21" s="275"/>
      <c r="CY21" s="275"/>
      <c r="CZ21" s="276"/>
    </row>
    <row r="22" spans="1:104" x14ac:dyDescent="0.55000000000000004">
      <c r="A22" s="317"/>
      <c r="B22" s="264"/>
      <c r="C22" s="271"/>
      <c r="D22" s="50" t="s">
        <v>315</v>
      </c>
      <c r="E22" s="283"/>
      <c r="F22" s="275"/>
      <c r="G22" s="275"/>
      <c r="H22" s="275"/>
      <c r="I22" s="275"/>
      <c r="J22" s="275"/>
      <c r="K22" s="275"/>
      <c r="L22" s="275"/>
      <c r="M22" s="275"/>
      <c r="N22" s="275"/>
      <c r="O22" s="275"/>
      <c r="P22" s="275"/>
      <c r="Q22" s="275"/>
      <c r="R22" s="275"/>
      <c r="S22" s="275"/>
      <c r="T22" s="275"/>
      <c r="U22" s="275"/>
      <c r="V22" s="275"/>
      <c r="W22" s="275"/>
      <c r="X22" s="275"/>
      <c r="Y22" s="277"/>
      <c r="Z22" s="275"/>
      <c r="AA22" s="275"/>
      <c r="AB22" s="275"/>
      <c r="AC22" s="275"/>
      <c r="AD22" s="275"/>
      <c r="AE22" s="275"/>
      <c r="AF22" s="275"/>
      <c r="AG22" s="275"/>
      <c r="AH22" s="275"/>
      <c r="AI22" s="275"/>
      <c r="AJ22" s="275"/>
      <c r="AK22" s="275"/>
      <c r="AL22" s="275"/>
      <c r="AM22" s="275"/>
      <c r="AN22" s="275"/>
      <c r="AO22" s="275"/>
      <c r="AP22" s="275"/>
      <c r="AQ22" s="275"/>
      <c r="AR22" s="276"/>
      <c r="AS22" s="135"/>
      <c r="AT22" s="132"/>
      <c r="AU22" s="132"/>
      <c r="AV22" s="132"/>
      <c r="AW22" s="132"/>
      <c r="AX22" s="132"/>
      <c r="AY22" s="132"/>
      <c r="AZ22" s="132"/>
      <c r="BA22" s="132"/>
      <c r="BB22" s="132"/>
      <c r="BC22" s="132"/>
      <c r="BD22" s="133"/>
      <c r="BE22" s="133"/>
      <c r="BF22" s="133"/>
      <c r="BG22" s="133"/>
      <c r="BH22" s="133"/>
      <c r="BI22" s="133"/>
      <c r="BJ22" s="133"/>
      <c r="BK22" s="133"/>
      <c r="BL22" s="134"/>
      <c r="BM22" s="140"/>
      <c r="BN22" s="208"/>
      <c r="BO22" s="208"/>
      <c r="BP22" s="208"/>
      <c r="BQ22" s="208"/>
      <c r="BR22" s="208"/>
      <c r="BS22" s="208"/>
      <c r="BT22" s="208"/>
      <c r="BU22" s="208"/>
      <c r="BV22" s="208"/>
      <c r="BW22" s="208"/>
      <c r="BX22" s="141"/>
      <c r="BY22" s="141"/>
      <c r="BZ22" s="141"/>
      <c r="CA22" s="141"/>
      <c r="CB22" s="141"/>
      <c r="CC22" s="141"/>
      <c r="CD22" s="141"/>
      <c r="CE22" s="141"/>
      <c r="CF22" s="141"/>
      <c r="CG22" s="277"/>
      <c r="CH22" s="275"/>
      <c r="CI22" s="275"/>
      <c r="CJ22" s="275"/>
      <c r="CK22" s="275"/>
      <c r="CL22" s="275"/>
      <c r="CM22" s="275"/>
      <c r="CN22" s="275"/>
      <c r="CO22" s="275"/>
      <c r="CP22" s="275"/>
      <c r="CQ22" s="275"/>
      <c r="CR22" s="275"/>
      <c r="CS22" s="275"/>
      <c r="CT22" s="275"/>
      <c r="CU22" s="275"/>
      <c r="CV22" s="275"/>
      <c r="CW22" s="275"/>
      <c r="CX22" s="275"/>
      <c r="CY22" s="275"/>
      <c r="CZ22" s="276"/>
    </row>
    <row r="23" spans="1:104" ht="26" x14ac:dyDescent="0.55000000000000004">
      <c r="A23" s="317"/>
      <c r="B23" s="264"/>
      <c r="C23" s="304" t="s">
        <v>179</v>
      </c>
      <c r="D23" s="50" t="s">
        <v>320</v>
      </c>
      <c r="E23" s="283"/>
      <c r="F23" s="275"/>
      <c r="G23" s="275"/>
      <c r="H23" s="275"/>
      <c r="I23" s="275"/>
      <c r="J23" s="275"/>
      <c r="K23" s="275"/>
      <c r="L23" s="275"/>
      <c r="M23" s="275"/>
      <c r="N23" s="275"/>
      <c r="O23" s="275"/>
      <c r="P23" s="275"/>
      <c r="Q23" s="275"/>
      <c r="R23" s="275"/>
      <c r="S23" s="275"/>
      <c r="T23" s="275"/>
      <c r="U23" s="275"/>
      <c r="V23" s="275"/>
      <c r="W23" s="275"/>
      <c r="X23" s="275"/>
      <c r="Y23" s="277"/>
      <c r="Z23" s="275"/>
      <c r="AA23" s="275"/>
      <c r="AB23" s="275"/>
      <c r="AC23" s="275"/>
      <c r="AD23" s="275"/>
      <c r="AE23" s="275"/>
      <c r="AF23" s="275"/>
      <c r="AG23" s="275"/>
      <c r="AH23" s="275"/>
      <c r="AI23" s="275"/>
      <c r="AJ23" s="275"/>
      <c r="AK23" s="275"/>
      <c r="AL23" s="275"/>
      <c r="AM23" s="275"/>
      <c r="AN23" s="275"/>
      <c r="AO23" s="275"/>
      <c r="AP23" s="275"/>
      <c r="AQ23" s="275"/>
      <c r="AR23" s="276"/>
      <c r="AS23" s="135"/>
      <c r="AT23" s="132"/>
      <c r="AU23" s="132"/>
      <c r="AV23" s="132"/>
      <c r="AW23" s="132"/>
      <c r="AX23" s="132"/>
      <c r="AY23" s="132"/>
      <c r="AZ23" s="132"/>
      <c r="BA23" s="132"/>
      <c r="BB23" s="132"/>
      <c r="BC23" s="132"/>
      <c r="BD23" s="133"/>
      <c r="BE23" s="133"/>
      <c r="BF23" s="133"/>
      <c r="BG23" s="133"/>
      <c r="BH23" s="133"/>
      <c r="BI23" s="133"/>
      <c r="BJ23" s="133"/>
      <c r="BK23" s="133"/>
      <c r="BL23" s="134"/>
      <c r="BM23" s="140"/>
      <c r="BN23" s="208"/>
      <c r="BO23" s="208"/>
      <c r="BP23" s="208"/>
      <c r="BQ23" s="208"/>
      <c r="BR23" s="208"/>
      <c r="BS23" s="208"/>
      <c r="BT23" s="208"/>
      <c r="BU23" s="208"/>
      <c r="BV23" s="208"/>
      <c r="BW23" s="208"/>
      <c r="BX23" s="141"/>
      <c r="BY23" s="141"/>
      <c r="BZ23" s="141"/>
      <c r="CA23" s="141"/>
      <c r="CB23" s="141"/>
      <c r="CC23" s="141"/>
      <c r="CD23" s="141"/>
      <c r="CE23" s="141"/>
      <c r="CF23" s="141"/>
      <c r="CG23" s="277"/>
      <c r="CH23" s="275"/>
      <c r="CI23" s="275"/>
      <c r="CJ23" s="275"/>
      <c r="CK23" s="275"/>
      <c r="CL23" s="275"/>
      <c r="CM23" s="275"/>
      <c r="CN23" s="275"/>
      <c r="CO23" s="275"/>
      <c r="CP23" s="275"/>
      <c r="CQ23" s="275"/>
      <c r="CR23" s="275"/>
      <c r="CS23" s="275"/>
      <c r="CT23" s="275"/>
      <c r="CU23" s="275"/>
      <c r="CV23" s="275"/>
      <c r="CW23" s="275"/>
      <c r="CX23" s="275"/>
      <c r="CY23" s="275"/>
      <c r="CZ23" s="276"/>
    </row>
    <row r="24" spans="1:104" x14ac:dyDescent="0.55000000000000004">
      <c r="A24" s="317"/>
      <c r="B24" s="264"/>
      <c r="C24" s="304"/>
      <c r="D24" s="50" t="s">
        <v>321</v>
      </c>
      <c r="E24" s="284"/>
      <c r="F24" s="279"/>
      <c r="G24" s="279"/>
      <c r="H24" s="279"/>
      <c r="I24" s="279"/>
      <c r="J24" s="279"/>
      <c r="K24" s="279"/>
      <c r="L24" s="279"/>
      <c r="M24" s="279"/>
      <c r="N24" s="279"/>
      <c r="O24" s="279"/>
      <c r="P24" s="279"/>
      <c r="Q24" s="279"/>
      <c r="R24" s="279"/>
      <c r="S24" s="279"/>
      <c r="T24" s="279"/>
      <c r="U24" s="279"/>
      <c r="V24" s="279"/>
      <c r="W24" s="279"/>
      <c r="X24" s="279"/>
      <c r="Y24" s="278"/>
      <c r="Z24" s="279"/>
      <c r="AA24" s="279"/>
      <c r="AB24" s="279"/>
      <c r="AC24" s="279"/>
      <c r="AD24" s="279"/>
      <c r="AE24" s="279"/>
      <c r="AF24" s="279"/>
      <c r="AG24" s="279"/>
      <c r="AH24" s="279"/>
      <c r="AI24" s="279"/>
      <c r="AJ24" s="279"/>
      <c r="AK24" s="279"/>
      <c r="AL24" s="279"/>
      <c r="AM24" s="279"/>
      <c r="AN24" s="279"/>
      <c r="AO24" s="279"/>
      <c r="AP24" s="279"/>
      <c r="AQ24" s="279"/>
      <c r="AR24" s="280"/>
      <c r="AS24" s="135"/>
      <c r="AT24" s="132"/>
      <c r="AU24" s="132"/>
      <c r="AV24" s="132"/>
      <c r="AW24" s="132"/>
      <c r="AX24" s="132"/>
      <c r="AY24" s="132"/>
      <c r="AZ24" s="132"/>
      <c r="BA24" s="132"/>
      <c r="BB24" s="132"/>
      <c r="BC24" s="132"/>
      <c r="BD24" s="133"/>
      <c r="BE24" s="133"/>
      <c r="BF24" s="133"/>
      <c r="BG24" s="133"/>
      <c r="BH24" s="133"/>
      <c r="BI24" s="133"/>
      <c r="BJ24" s="133"/>
      <c r="BK24" s="133"/>
      <c r="BL24" s="134"/>
      <c r="BM24" s="140"/>
      <c r="BN24" s="208"/>
      <c r="BO24" s="208"/>
      <c r="BP24" s="208"/>
      <c r="BQ24" s="208"/>
      <c r="BR24" s="208"/>
      <c r="BS24" s="208"/>
      <c r="BT24" s="208"/>
      <c r="BU24" s="208"/>
      <c r="BV24" s="208"/>
      <c r="BW24" s="208"/>
      <c r="BX24" s="141"/>
      <c r="BY24" s="141"/>
      <c r="BZ24" s="141"/>
      <c r="CA24" s="141"/>
      <c r="CB24" s="141"/>
      <c r="CC24" s="141"/>
      <c r="CD24" s="141"/>
      <c r="CE24" s="141"/>
      <c r="CF24" s="141"/>
      <c r="CG24" s="278"/>
      <c r="CH24" s="279"/>
      <c r="CI24" s="279"/>
      <c r="CJ24" s="279"/>
      <c r="CK24" s="279"/>
      <c r="CL24" s="279"/>
      <c r="CM24" s="279"/>
      <c r="CN24" s="279"/>
      <c r="CO24" s="279"/>
      <c r="CP24" s="279"/>
      <c r="CQ24" s="279"/>
      <c r="CR24" s="279"/>
      <c r="CS24" s="279"/>
      <c r="CT24" s="279"/>
      <c r="CU24" s="279"/>
      <c r="CV24" s="279"/>
      <c r="CW24" s="279"/>
      <c r="CX24" s="279"/>
      <c r="CY24" s="279"/>
      <c r="CZ24" s="280"/>
    </row>
    <row r="25" spans="1:104" ht="13" customHeight="1" x14ac:dyDescent="0.55000000000000004">
      <c r="A25" s="317"/>
      <c r="B25" s="301" t="s">
        <v>314</v>
      </c>
      <c r="C25" s="270" t="s">
        <v>180</v>
      </c>
      <c r="D25" s="127" t="s">
        <v>182</v>
      </c>
      <c r="E25" s="281"/>
      <c r="F25" s="282"/>
      <c r="G25" s="282"/>
      <c r="H25" s="282"/>
      <c r="I25" s="282"/>
      <c r="J25" s="282"/>
      <c r="K25" s="282"/>
      <c r="L25" s="282"/>
      <c r="M25" s="282"/>
      <c r="N25" s="282"/>
      <c r="O25" s="282"/>
      <c r="P25" s="282"/>
      <c r="Q25" s="282"/>
      <c r="R25" s="282"/>
      <c r="S25" s="282"/>
      <c r="T25" s="282"/>
      <c r="U25" s="282"/>
      <c r="V25" s="282"/>
      <c r="W25" s="282"/>
      <c r="X25" s="285"/>
      <c r="Y25" s="289"/>
      <c r="Z25" s="282"/>
      <c r="AA25" s="282"/>
      <c r="AB25" s="282"/>
      <c r="AC25" s="282"/>
      <c r="AD25" s="282"/>
      <c r="AE25" s="282"/>
      <c r="AF25" s="282"/>
      <c r="AG25" s="282"/>
      <c r="AH25" s="282"/>
      <c r="AI25" s="282"/>
      <c r="AJ25" s="282"/>
      <c r="AK25" s="282"/>
      <c r="AL25" s="282"/>
      <c r="AM25" s="282"/>
      <c r="AN25" s="282"/>
      <c r="AO25" s="282"/>
      <c r="AP25" s="282"/>
      <c r="AQ25" s="282"/>
      <c r="AR25" s="285"/>
      <c r="AS25" s="289"/>
      <c r="AT25" s="282"/>
      <c r="AU25" s="282"/>
      <c r="AV25" s="282"/>
      <c r="AW25" s="282"/>
      <c r="AX25" s="282"/>
      <c r="AY25" s="282"/>
      <c r="AZ25" s="282"/>
      <c r="BA25" s="282"/>
      <c r="BB25" s="282"/>
      <c r="BC25" s="282"/>
      <c r="BD25" s="282"/>
      <c r="BE25" s="282"/>
      <c r="BF25" s="282"/>
      <c r="BG25" s="282"/>
      <c r="BH25" s="282"/>
      <c r="BI25" s="282"/>
      <c r="BJ25" s="282"/>
      <c r="BK25" s="282"/>
      <c r="BL25" s="285"/>
      <c r="BM25" s="289"/>
      <c r="BN25" s="282"/>
      <c r="BO25" s="282"/>
      <c r="BP25" s="282"/>
      <c r="BQ25" s="282"/>
      <c r="BR25" s="282"/>
      <c r="BS25" s="282"/>
      <c r="BT25" s="282"/>
      <c r="BU25" s="282"/>
      <c r="BV25" s="282"/>
      <c r="BW25" s="282"/>
      <c r="BX25" s="282"/>
      <c r="BY25" s="282"/>
      <c r="BZ25" s="282"/>
      <c r="CA25" s="282"/>
      <c r="CB25" s="282"/>
      <c r="CC25" s="282"/>
      <c r="CD25" s="282"/>
      <c r="CE25" s="282"/>
      <c r="CF25" s="285"/>
      <c r="CG25" s="137"/>
      <c r="CH25" s="211"/>
      <c r="CI25" s="211"/>
      <c r="CJ25" s="211"/>
      <c r="CK25" s="211"/>
      <c r="CL25" s="211"/>
      <c r="CM25" s="211"/>
      <c r="CN25" s="211"/>
      <c r="CO25" s="211"/>
      <c r="CP25" s="211"/>
      <c r="CQ25" s="211"/>
      <c r="CR25" s="138"/>
      <c r="CS25" s="138"/>
      <c r="CT25" s="138"/>
      <c r="CU25" s="138"/>
      <c r="CV25" s="138"/>
      <c r="CW25" s="138"/>
      <c r="CX25" s="138"/>
      <c r="CY25" s="138"/>
      <c r="CZ25" s="139"/>
    </row>
    <row r="26" spans="1:104" ht="15" customHeight="1" x14ac:dyDescent="0.55000000000000004">
      <c r="A26" s="317"/>
      <c r="B26" s="302"/>
      <c r="C26" s="266"/>
      <c r="D26" s="128" t="s">
        <v>183</v>
      </c>
      <c r="E26" s="283"/>
      <c r="F26" s="275"/>
      <c r="G26" s="275"/>
      <c r="H26" s="275"/>
      <c r="I26" s="275"/>
      <c r="J26" s="275"/>
      <c r="K26" s="275"/>
      <c r="L26" s="275"/>
      <c r="M26" s="275"/>
      <c r="N26" s="275"/>
      <c r="O26" s="275"/>
      <c r="P26" s="275"/>
      <c r="Q26" s="275"/>
      <c r="R26" s="275"/>
      <c r="S26" s="275"/>
      <c r="T26" s="275"/>
      <c r="U26" s="275"/>
      <c r="V26" s="275"/>
      <c r="W26" s="275"/>
      <c r="X26" s="276"/>
      <c r="Y26" s="277"/>
      <c r="Z26" s="275"/>
      <c r="AA26" s="275"/>
      <c r="AB26" s="275"/>
      <c r="AC26" s="275"/>
      <c r="AD26" s="275"/>
      <c r="AE26" s="275"/>
      <c r="AF26" s="275"/>
      <c r="AG26" s="275"/>
      <c r="AH26" s="275"/>
      <c r="AI26" s="275"/>
      <c r="AJ26" s="275"/>
      <c r="AK26" s="275"/>
      <c r="AL26" s="275"/>
      <c r="AM26" s="275"/>
      <c r="AN26" s="275"/>
      <c r="AO26" s="275"/>
      <c r="AP26" s="275"/>
      <c r="AQ26" s="275"/>
      <c r="AR26" s="276"/>
      <c r="AS26" s="277"/>
      <c r="AT26" s="275"/>
      <c r="AU26" s="275"/>
      <c r="AV26" s="275"/>
      <c r="AW26" s="275"/>
      <c r="AX26" s="275"/>
      <c r="AY26" s="275"/>
      <c r="AZ26" s="275"/>
      <c r="BA26" s="275"/>
      <c r="BB26" s="275"/>
      <c r="BC26" s="275"/>
      <c r="BD26" s="275"/>
      <c r="BE26" s="275"/>
      <c r="BF26" s="275"/>
      <c r="BG26" s="275"/>
      <c r="BH26" s="275"/>
      <c r="BI26" s="275"/>
      <c r="BJ26" s="275"/>
      <c r="BK26" s="275"/>
      <c r="BL26" s="276"/>
      <c r="BM26" s="277"/>
      <c r="BN26" s="275"/>
      <c r="BO26" s="275"/>
      <c r="BP26" s="275"/>
      <c r="BQ26" s="275"/>
      <c r="BR26" s="275"/>
      <c r="BS26" s="275"/>
      <c r="BT26" s="275"/>
      <c r="BU26" s="275"/>
      <c r="BV26" s="275"/>
      <c r="BW26" s="275"/>
      <c r="BX26" s="275"/>
      <c r="BY26" s="275"/>
      <c r="BZ26" s="275"/>
      <c r="CA26" s="275"/>
      <c r="CB26" s="275"/>
      <c r="CC26" s="275"/>
      <c r="CD26" s="275"/>
      <c r="CE26" s="275"/>
      <c r="CF26" s="276"/>
      <c r="CG26" s="140"/>
      <c r="CH26" s="208"/>
      <c r="CI26" s="208"/>
      <c r="CJ26" s="208"/>
      <c r="CK26" s="208"/>
      <c r="CL26" s="208"/>
      <c r="CM26" s="208"/>
      <c r="CN26" s="208"/>
      <c r="CO26" s="208"/>
      <c r="CP26" s="208"/>
      <c r="CQ26" s="208"/>
      <c r="CR26" s="141"/>
      <c r="CS26" s="141"/>
      <c r="CT26" s="141"/>
      <c r="CU26" s="141"/>
      <c r="CV26" s="141"/>
      <c r="CW26" s="141"/>
      <c r="CX26" s="141"/>
      <c r="CY26" s="141"/>
      <c r="CZ26" s="142"/>
    </row>
    <row r="27" spans="1:104" ht="12" customHeight="1" x14ac:dyDescent="0.55000000000000004">
      <c r="A27" s="317"/>
      <c r="B27" s="302"/>
      <c r="C27" s="271"/>
      <c r="D27" s="128" t="s">
        <v>184</v>
      </c>
      <c r="E27" s="283"/>
      <c r="F27" s="275"/>
      <c r="G27" s="275"/>
      <c r="H27" s="275"/>
      <c r="I27" s="275"/>
      <c r="J27" s="275"/>
      <c r="K27" s="275"/>
      <c r="L27" s="275"/>
      <c r="M27" s="275"/>
      <c r="N27" s="275"/>
      <c r="O27" s="275"/>
      <c r="P27" s="275"/>
      <c r="Q27" s="275"/>
      <c r="R27" s="275"/>
      <c r="S27" s="275"/>
      <c r="T27" s="275"/>
      <c r="U27" s="275"/>
      <c r="V27" s="275"/>
      <c r="W27" s="275"/>
      <c r="X27" s="276"/>
      <c r="Y27" s="277"/>
      <c r="Z27" s="275"/>
      <c r="AA27" s="275"/>
      <c r="AB27" s="275"/>
      <c r="AC27" s="275"/>
      <c r="AD27" s="275"/>
      <c r="AE27" s="275"/>
      <c r="AF27" s="275"/>
      <c r="AG27" s="275"/>
      <c r="AH27" s="275"/>
      <c r="AI27" s="275"/>
      <c r="AJ27" s="275"/>
      <c r="AK27" s="275"/>
      <c r="AL27" s="275"/>
      <c r="AM27" s="275"/>
      <c r="AN27" s="275"/>
      <c r="AO27" s="275"/>
      <c r="AP27" s="275"/>
      <c r="AQ27" s="275"/>
      <c r="AR27" s="276"/>
      <c r="AS27" s="277"/>
      <c r="AT27" s="275"/>
      <c r="AU27" s="275"/>
      <c r="AV27" s="275"/>
      <c r="AW27" s="275"/>
      <c r="AX27" s="275"/>
      <c r="AY27" s="275"/>
      <c r="AZ27" s="275"/>
      <c r="BA27" s="275"/>
      <c r="BB27" s="275"/>
      <c r="BC27" s="275"/>
      <c r="BD27" s="275"/>
      <c r="BE27" s="275"/>
      <c r="BF27" s="275"/>
      <c r="BG27" s="275"/>
      <c r="BH27" s="275"/>
      <c r="BI27" s="275"/>
      <c r="BJ27" s="275"/>
      <c r="BK27" s="275"/>
      <c r="BL27" s="276"/>
      <c r="BM27" s="277"/>
      <c r="BN27" s="275"/>
      <c r="BO27" s="275"/>
      <c r="BP27" s="275"/>
      <c r="BQ27" s="275"/>
      <c r="BR27" s="275"/>
      <c r="BS27" s="275"/>
      <c r="BT27" s="275"/>
      <c r="BU27" s="275"/>
      <c r="BV27" s="275"/>
      <c r="BW27" s="275"/>
      <c r="BX27" s="275"/>
      <c r="BY27" s="275"/>
      <c r="BZ27" s="275"/>
      <c r="CA27" s="275"/>
      <c r="CB27" s="275"/>
      <c r="CC27" s="275"/>
      <c r="CD27" s="275"/>
      <c r="CE27" s="275"/>
      <c r="CF27" s="276"/>
      <c r="CG27" s="140"/>
      <c r="CH27" s="208"/>
      <c r="CI27" s="208"/>
      <c r="CJ27" s="208"/>
      <c r="CK27" s="208"/>
      <c r="CL27" s="208"/>
      <c r="CM27" s="208"/>
      <c r="CN27" s="208"/>
      <c r="CO27" s="208"/>
      <c r="CP27" s="208"/>
      <c r="CQ27" s="208"/>
      <c r="CR27" s="141"/>
      <c r="CS27" s="141"/>
      <c r="CT27" s="141"/>
      <c r="CU27" s="141"/>
      <c r="CV27" s="141"/>
      <c r="CW27" s="141"/>
      <c r="CX27" s="141"/>
      <c r="CY27" s="141"/>
      <c r="CZ27" s="142"/>
    </row>
    <row r="28" spans="1:104" ht="18" customHeight="1" x14ac:dyDescent="0.55000000000000004">
      <c r="A28" s="317"/>
      <c r="B28" s="302"/>
      <c r="C28" s="304" t="s">
        <v>21</v>
      </c>
      <c r="D28" s="128" t="s">
        <v>185</v>
      </c>
      <c r="E28" s="283"/>
      <c r="F28" s="275"/>
      <c r="G28" s="275"/>
      <c r="H28" s="275"/>
      <c r="I28" s="275"/>
      <c r="J28" s="275"/>
      <c r="K28" s="275"/>
      <c r="L28" s="275"/>
      <c r="M28" s="275"/>
      <c r="N28" s="275"/>
      <c r="O28" s="275"/>
      <c r="P28" s="275"/>
      <c r="Q28" s="275"/>
      <c r="R28" s="275"/>
      <c r="S28" s="275"/>
      <c r="T28" s="275"/>
      <c r="U28" s="275"/>
      <c r="V28" s="275"/>
      <c r="W28" s="275"/>
      <c r="X28" s="276"/>
      <c r="Y28" s="277"/>
      <c r="Z28" s="275"/>
      <c r="AA28" s="275"/>
      <c r="AB28" s="275"/>
      <c r="AC28" s="275"/>
      <c r="AD28" s="275"/>
      <c r="AE28" s="275"/>
      <c r="AF28" s="275"/>
      <c r="AG28" s="275"/>
      <c r="AH28" s="275"/>
      <c r="AI28" s="275"/>
      <c r="AJ28" s="275"/>
      <c r="AK28" s="275"/>
      <c r="AL28" s="275"/>
      <c r="AM28" s="275"/>
      <c r="AN28" s="275"/>
      <c r="AO28" s="275"/>
      <c r="AP28" s="275"/>
      <c r="AQ28" s="275"/>
      <c r="AR28" s="276"/>
      <c r="AS28" s="277"/>
      <c r="AT28" s="275"/>
      <c r="AU28" s="275"/>
      <c r="AV28" s="275"/>
      <c r="AW28" s="275"/>
      <c r="AX28" s="275"/>
      <c r="AY28" s="275"/>
      <c r="AZ28" s="275"/>
      <c r="BA28" s="275"/>
      <c r="BB28" s="275"/>
      <c r="BC28" s="275"/>
      <c r="BD28" s="275"/>
      <c r="BE28" s="275"/>
      <c r="BF28" s="275"/>
      <c r="BG28" s="275"/>
      <c r="BH28" s="275"/>
      <c r="BI28" s="275"/>
      <c r="BJ28" s="275"/>
      <c r="BK28" s="275"/>
      <c r="BL28" s="276"/>
      <c r="BM28" s="277"/>
      <c r="BN28" s="275"/>
      <c r="BO28" s="275"/>
      <c r="BP28" s="275"/>
      <c r="BQ28" s="275"/>
      <c r="BR28" s="275"/>
      <c r="BS28" s="275"/>
      <c r="BT28" s="275"/>
      <c r="BU28" s="275"/>
      <c r="BV28" s="275"/>
      <c r="BW28" s="275"/>
      <c r="BX28" s="275"/>
      <c r="BY28" s="275"/>
      <c r="BZ28" s="275"/>
      <c r="CA28" s="275"/>
      <c r="CB28" s="275"/>
      <c r="CC28" s="275"/>
      <c r="CD28" s="275"/>
      <c r="CE28" s="275"/>
      <c r="CF28" s="276"/>
      <c r="CG28" s="140"/>
      <c r="CH28" s="208"/>
      <c r="CI28" s="208"/>
      <c r="CJ28" s="208"/>
      <c r="CK28" s="208"/>
      <c r="CL28" s="208"/>
      <c r="CM28" s="208"/>
      <c r="CN28" s="208"/>
      <c r="CO28" s="208"/>
      <c r="CP28" s="208"/>
      <c r="CQ28" s="208"/>
      <c r="CR28" s="141"/>
      <c r="CS28" s="141"/>
      <c r="CT28" s="141"/>
      <c r="CU28" s="141"/>
      <c r="CV28" s="141"/>
      <c r="CW28" s="141"/>
      <c r="CX28" s="141"/>
      <c r="CY28" s="141"/>
      <c r="CZ28" s="142"/>
    </row>
    <row r="29" spans="1:104" ht="14" customHeight="1" x14ac:dyDescent="0.55000000000000004">
      <c r="A29" s="317"/>
      <c r="B29" s="302"/>
      <c r="C29" s="304"/>
      <c r="D29" s="50" t="s">
        <v>322</v>
      </c>
      <c r="E29" s="283"/>
      <c r="F29" s="275"/>
      <c r="G29" s="275"/>
      <c r="H29" s="275"/>
      <c r="I29" s="275"/>
      <c r="J29" s="275"/>
      <c r="K29" s="275"/>
      <c r="L29" s="275"/>
      <c r="M29" s="275"/>
      <c r="N29" s="275"/>
      <c r="O29" s="275"/>
      <c r="P29" s="275"/>
      <c r="Q29" s="275"/>
      <c r="R29" s="275"/>
      <c r="S29" s="275"/>
      <c r="T29" s="275"/>
      <c r="U29" s="275"/>
      <c r="V29" s="275"/>
      <c r="W29" s="275"/>
      <c r="X29" s="276"/>
      <c r="Y29" s="277"/>
      <c r="Z29" s="275"/>
      <c r="AA29" s="275"/>
      <c r="AB29" s="275"/>
      <c r="AC29" s="275"/>
      <c r="AD29" s="275"/>
      <c r="AE29" s="275"/>
      <c r="AF29" s="275"/>
      <c r="AG29" s="275"/>
      <c r="AH29" s="275"/>
      <c r="AI29" s="275"/>
      <c r="AJ29" s="275"/>
      <c r="AK29" s="275"/>
      <c r="AL29" s="275"/>
      <c r="AM29" s="275"/>
      <c r="AN29" s="275"/>
      <c r="AO29" s="275"/>
      <c r="AP29" s="275"/>
      <c r="AQ29" s="275"/>
      <c r="AR29" s="276"/>
      <c r="AS29" s="277"/>
      <c r="AT29" s="275"/>
      <c r="AU29" s="275"/>
      <c r="AV29" s="275"/>
      <c r="AW29" s="275"/>
      <c r="AX29" s="275"/>
      <c r="AY29" s="275"/>
      <c r="AZ29" s="275"/>
      <c r="BA29" s="275"/>
      <c r="BB29" s="275"/>
      <c r="BC29" s="275"/>
      <c r="BD29" s="275"/>
      <c r="BE29" s="275"/>
      <c r="BF29" s="275"/>
      <c r="BG29" s="275"/>
      <c r="BH29" s="275"/>
      <c r="BI29" s="275"/>
      <c r="BJ29" s="275"/>
      <c r="BK29" s="275"/>
      <c r="BL29" s="276"/>
      <c r="BM29" s="277"/>
      <c r="BN29" s="275"/>
      <c r="BO29" s="275"/>
      <c r="BP29" s="275"/>
      <c r="BQ29" s="275"/>
      <c r="BR29" s="275"/>
      <c r="BS29" s="275"/>
      <c r="BT29" s="275"/>
      <c r="BU29" s="275"/>
      <c r="BV29" s="275"/>
      <c r="BW29" s="275"/>
      <c r="BX29" s="275"/>
      <c r="BY29" s="275"/>
      <c r="BZ29" s="275"/>
      <c r="CA29" s="275"/>
      <c r="CB29" s="275"/>
      <c r="CC29" s="275"/>
      <c r="CD29" s="275"/>
      <c r="CE29" s="275"/>
      <c r="CF29" s="276"/>
      <c r="CG29" s="140"/>
      <c r="CH29" s="208"/>
      <c r="CI29" s="208"/>
      <c r="CJ29" s="208"/>
      <c r="CK29" s="208"/>
      <c r="CL29" s="208"/>
      <c r="CM29" s="208"/>
      <c r="CN29" s="208"/>
      <c r="CO29" s="208"/>
      <c r="CP29" s="208"/>
      <c r="CQ29" s="208"/>
      <c r="CR29" s="141"/>
      <c r="CS29" s="141"/>
      <c r="CT29" s="141"/>
      <c r="CU29" s="141"/>
      <c r="CV29" s="141"/>
      <c r="CW29" s="141"/>
      <c r="CX29" s="141"/>
      <c r="CY29" s="141"/>
      <c r="CZ29" s="142"/>
    </row>
    <row r="30" spans="1:104" ht="14" customHeight="1" x14ac:dyDescent="0.55000000000000004">
      <c r="A30" s="317"/>
      <c r="B30" s="302"/>
      <c r="C30" s="304" t="s">
        <v>16</v>
      </c>
      <c r="D30" s="50" t="s">
        <v>188</v>
      </c>
      <c r="E30" s="283"/>
      <c r="F30" s="275"/>
      <c r="G30" s="275"/>
      <c r="H30" s="275"/>
      <c r="I30" s="275"/>
      <c r="J30" s="275"/>
      <c r="K30" s="275"/>
      <c r="L30" s="275"/>
      <c r="M30" s="275"/>
      <c r="N30" s="275"/>
      <c r="O30" s="275"/>
      <c r="P30" s="275"/>
      <c r="Q30" s="275"/>
      <c r="R30" s="275"/>
      <c r="S30" s="275"/>
      <c r="T30" s="275"/>
      <c r="U30" s="275"/>
      <c r="V30" s="275"/>
      <c r="W30" s="275"/>
      <c r="X30" s="276"/>
      <c r="Y30" s="277"/>
      <c r="Z30" s="275"/>
      <c r="AA30" s="275"/>
      <c r="AB30" s="275"/>
      <c r="AC30" s="275"/>
      <c r="AD30" s="275"/>
      <c r="AE30" s="275"/>
      <c r="AF30" s="275"/>
      <c r="AG30" s="275"/>
      <c r="AH30" s="275"/>
      <c r="AI30" s="275"/>
      <c r="AJ30" s="275"/>
      <c r="AK30" s="275"/>
      <c r="AL30" s="275"/>
      <c r="AM30" s="275"/>
      <c r="AN30" s="275"/>
      <c r="AO30" s="275"/>
      <c r="AP30" s="275"/>
      <c r="AQ30" s="275"/>
      <c r="AR30" s="276"/>
      <c r="AS30" s="277"/>
      <c r="AT30" s="275"/>
      <c r="AU30" s="275"/>
      <c r="AV30" s="275"/>
      <c r="AW30" s="275"/>
      <c r="AX30" s="275"/>
      <c r="AY30" s="275"/>
      <c r="AZ30" s="275"/>
      <c r="BA30" s="275"/>
      <c r="BB30" s="275"/>
      <c r="BC30" s="275"/>
      <c r="BD30" s="275"/>
      <c r="BE30" s="275"/>
      <c r="BF30" s="275"/>
      <c r="BG30" s="275"/>
      <c r="BH30" s="275"/>
      <c r="BI30" s="275"/>
      <c r="BJ30" s="275"/>
      <c r="BK30" s="275"/>
      <c r="BL30" s="276"/>
      <c r="BM30" s="277"/>
      <c r="BN30" s="275"/>
      <c r="BO30" s="275"/>
      <c r="BP30" s="275"/>
      <c r="BQ30" s="275"/>
      <c r="BR30" s="275"/>
      <c r="BS30" s="275"/>
      <c r="BT30" s="275"/>
      <c r="BU30" s="275"/>
      <c r="BV30" s="275"/>
      <c r="BW30" s="275"/>
      <c r="BX30" s="275"/>
      <c r="BY30" s="275"/>
      <c r="BZ30" s="275"/>
      <c r="CA30" s="275"/>
      <c r="CB30" s="275"/>
      <c r="CC30" s="275"/>
      <c r="CD30" s="275"/>
      <c r="CE30" s="275"/>
      <c r="CF30" s="276"/>
      <c r="CG30" s="140"/>
      <c r="CH30" s="208"/>
      <c r="CI30" s="208"/>
      <c r="CJ30" s="208"/>
      <c r="CK30" s="208"/>
      <c r="CL30" s="208"/>
      <c r="CM30" s="208"/>
      <c r="CN30" s="208"/>
      <c r="CO30" s="208"/>
      <c r="CP30" s="208"/>
      <c r="CQ30" s="208"/>
      <c r="CR30" s="141"/>
      <c r="CS30" s="141"/>
      <c r="CT30" s="141"/>
      <c r="CU30" s="141"/>
      <c r="CV30" s="141"/>
      <c r="CW30" s="141"/>
      <c r="CX30" s="141"/>
      <c r="CY30" s="141"/>
      <c r="CZ30" s="142"/>
    </row>
    <row r="31" spans="1:104" ht="13" customHeight="1" x14ac:dyDescent="0.55000000000000004">
      <c r="A31" s="317"/>
      <c r="B31" s="302"/>
      <c r="C31" s="304"/>
      <c r="D31" s="50" t="s">
        <v>323</v>
      </c>
      <c r="E31" s="283"/>
      <c r="F31" s="275"/>
      <c r="G31" s="275"/>
      <c r="H31" s="275"/>
      <c r="I31" s="275"/>
      <c r="J31" s="275"/>
      <c r="K31" s="275"/>
      <c r="L31" s="275"/>
      <c r="M31" s="275"/>
      <c r="N31" s="275"/>
      <c r="O31" s="275"/>
      <c r="P31" s="275"/>
      <c r="Q31" s="275"/>
      <c r="R31" s="275"/>
      <c r="S31" s="275"/>
      <c r="T31" s="275"/>
      <c r="U31" s="275"/>
      <c r="V31" s="275"/>
      <c r="W31" s="275"/>
      <c r="X31" s="276"/>
      <c r="Y31" s="277"/>
      <c r="Z31" s="275"/>
      <c r="AA31" s="275"/>
      <c r="AB31" s="275"/>
      <c r="AC31" s="275"/>
      <c r="AD31" s="275"/>
      <c r="AE31" s="275"/>
      <c r="AF31" s="275"/>
      <c r="AG31" s="275"/>
      <c r="AH31" s="275"/>
      <c r="AI31" s="275"/>
      <c r="AJ31" s="275"/>
      <c r="AK31" s="275"/>
      <c r="AL31" s="275"/>
      <c r="AM31" s="275"/>
      <c r="AN31" s="275"/>
      <c r="AO31" s="275"/>
      <c r="AP31" s="275"/>
      <c r="AQ31" s="275"/>
      <c r="AR31" s="276"/>
      <c r="AS31" s="277"/>
      <c r="AT31" s="275"/>
      <c r="AU31" s="275"/>
      <c r="AV31" s="275"/>
      <c r="AW31" s="275"/>
      <c r="AX31" s="275"/>
      <c r="AY31" s="275"/>
      <c r="AZ31" s="275"/>
      <c r="BA31" s="275"/>
      <c r="BB31" s="275"/>
      <c r="BC31" s="275"/>
      <c r="BD31" s="275"/>
      <c r="BE31" s="275"/>
      <c r="BF31" s="275"/>
      <c r="BG31" s="275"/>
      <c r="BH31" s="275"/>
      <c r="BI31" s="275"/>
      <c r="BJ31" s="275"/>
      <c r="BK31" s="275"/>
      <c r="BL31" s="276"/>
      <c r="BM31" s="277"/>
      <c r="BN31" s="275"/>
      <c r="BO31" s="275"/>
      <c r="BP31" s="275"/>
      <c r="BQ31" s="275"/>
      <c r="BR31" s="275"/>
      <c r="BS31" s="275"/>
      <c r="BT31" s="275"/>
      <c r="BU31" s="275"/>
      <c r="BV31" s="275"/>
      <c r="BW31" s="275"/>
      <c r="BX31" s="275"/>
      <c r="BY31" s="275"/>
      <c r="BZ31" s="275"/>
      <c r="CA31" s="275"/>
      <c r="CB31" s="275"/>
      <c r="CC31" s="275"/>
      <c r="CD31" s="275"/>
      <c r="CE31" s="275"/>
      <c r="CF31" s="276"/>
      <c r="CG31" s="140"/>
      <c r="CH31" s="208"/>
      <c r="CI31" s="208"/>
      <c r="CJ31" s="208"/>
      <c r="CK31" s="208"/>
      <c r="CL31" s="208"/>
      <c r="CM31" s="208"/>
      <c r="CN31" s="208"/>
      <c r="CO31" s="208"/>
      <c r="CP31" s="208"/>
      <c r="CQ31" s="208"/>
      <c r="CR31" s="141"/>
      <c r="CS31" s="141"/>
      <c r="CT31" s="141"/>
      <c r="CU31" s="141"/>
      <c r="CV31" s="141"/>
      <c r="CW31" s="141"/>
      <c r="CX31" s="141"/>
      <c r="CY31" s="141"/>
      <c r="CZ31" s="142"/>
    </row>
    <row r="32" spans="1:104" ht="26" x14ac:dyDescent="0.55000000000000004">
      <c r="A32" s="317"/>
      <c r="B32" s="302"/>
      <c r="C32" s="304"/>
      <c r="D32" s="50" t="s">
        <v>324</v>
      </c>
      <c r="E32" s="283"/>
      <c r="F32" s="275"/>
      <c r="G32" s="275"/>
      <c r="H32" s="275"/>
      <c r="I32" s="275"/>
      <c r="J32" s="275"/>
      <c r="K32" s="275"/>
      <c r="L32" s="275"/>
      <c r="M32" s="275"/>
      <c r="N32" s="275"/>
      <c r="O32" s="275"/>
      <c r="P32" s="275"/>
      <c r="Q32" s="275"/>
      <c r="R32" s="275"/>
      <c r="S32" s="275"/>
      <c r="T32" s="275"/>
      <c r="U32" s="275"/>
      <c r="V32" s="275"/>
      <c r="W32" s="275"/>
      <c r="X32" s="276"/>
      <c r="Y32" s="277"/>
      <c r="Z32" s="275"/>
      <c r="AA32" s="275"/>
      <c r="AB32" s="275"/>
      <c r="AC32" s="275"/>
      <c r="AD32" s="275"/>
      <c r="AE32" s="275"/>
      <c r="AF32" s="275"/>
      <c r="AG32" s="275"/>
      <c r="AH32" s="275"/>
      <c r="AI32" s="275"/>
      <c r="AJ32" s="275"/>
      <c r="AK32" s="275"/>
      <c r="AL32" s="275"/>
      <c r="AM32" s="275"/>
      <c r="AN32" s="275"/>
      <c r="AO32" s="275"/>
      <c r="AP32" s="275"/>
      <c r="AQ32" s="275"/>
      <c r="AR32" s="276"/>
      <c r="AS32" s="277"/>
      <c r="AT32" s="275"/>
      <c r="AU32" s="275"/>
      <c r="AV32" s="275"/>
      <c r="AW32" s="275"/>
      <c r="AX32" s="275"/>
      <c r="AY32" s="275"/>
      <c r="AZ32" s="275"/>
      <c r="BA32" s="275"/>
      <c r="BB32" s="275"/>
      <c r="BC32" s="275"/>
      <c r="BD32" s="275"/>
      <c r="BE32" s="275"/>
      <c r="BF32" s="275"/>
      <c r="BG32" s="275"/>
      <c r="BH32" s="275"/>
      <c r="BI32" s="275"/>
      <c r="BJ32" s="275"/>
      <c r="BK32" s="275"/>
      <c r="BL32" s="276"/>
      <c r="BM32" s="277"/>
      <c r="BN32" s="275"/>
      <c r="BO32" s="275"/>
      <c r="BP32" s="275"/>
      <c r="BQ32" s="275"/>
      <c r="BR32" s="275"/>
      <c r="BS32" s="275"/>
      <c r="BT32" s="275"/>
      <c r="BU32" s="275"/>
      <c r="BV32" s="275"/>
      <c r="BW32" s="275"/>
      <c r="BX32" s="275"/>
      <c r="BY32" s="275"/>
      <c r="BZ32" s="275"/>
      <c r="CA32" s="275"/>
      <c r="CB32" s="275"/>
      <c r="CC32" s="275"/>
      <c r="CD32" s="275"/>
      <c r="CE32" s="275"/>
      <c r="CF32" s="276"/>
      <c r="CG32" s="140"/>
      <c r="CH32" s="208"/>
      <c r="CI32" s="208"/>
      <c r="CJ32" s="208"/>
      <c r="CK32" s="208"/>
      <c r="CL32" s="208"/>
      <c r="CM32" s="208"/>
      <c r="CN32" s="208"/>
      <c r="CO32" s="208"/>
      <c r="CP32" s="208"/>
      <c r="CQ32" s="208"/>
      <c r="CR32" s="141"/>
      <c r="CS32" s="141"/>
      <c r="CT32" s="141"/>
      <c r="CU32" s="141"/>
      <c r="CV32" s="141"/>
      <c r="CW32" s="141"/>
      <c r="CX32" s="141"/>
      <c r="CY32" s="141"/>
      <c r="CZ32" s="142"/>
    </row>
    <row r="33" spans="1:104" ht="12" customHeight="1" x14ac:dyDescent="0.55000000000000004">
      <c r="A33" s="317"/>
      <c r="B33" s="302"/>
      <c r="C33" s="304" t="s">
        <v>181</v>
      </c>
      <c r="D33" s="50" t="s">
        <v>325</v>
      </c>
      <c r="E33" s="283"/>
      <c r="F33" s="275"/>
      <c r="G33" s="275"/>
      <c r="H33" s="275"/>
      <c r="I33" s="275"/>
      <c r="J33" s="275"/>
      <c r="K33" s="275"/>
      <c r="L33" s="275"/>
      <c r="M33" s="275"/>
      <c r="N33" s="275"/>
      <c r="O33" s="275"/>
      <c r="P33" s="275"/>
      <c r="Q33" s="275"/>
      <c r="R33" s="275"/>
      <c r="S33" s="275"/>
      <c r="T33" s="275"/>
      <c r="U33" s="275"/>
      <c r="V33" s="275"/>
      <c r="W33" s="275"/>
      <c r="X33" s="276"/>
      <c r="Y33" s="277"/>
      <c r="Z33" s="275"/>
      <c r="AA33" s="275"/>
      <c r="AB33" s="275"/>
      <c r="AC33" s="275"/>
      <c r="AD33" s="275"/>
      <c r="AE33" s="275"/>
      <c r="AF33" s="275"/>
      <c r="AG33" s="275"/>
      <c r="AH33" s="275"/>
      <c r="AI33" s="275"/>
      <c r="AJ33" s="275"/>
      <c r="AK33" s="275"/>
      <c r="AL33" s="275"/>
      <c r="AM33" s="275"/>
      <c r="AN33" s="275"/>
      <c r="AO33" s="275"/>
      <c r="AP33" s="275"/>
      <c r="AQ33" s="275"/>
      <c r="AR33" s="276"/>
      <c r="AS33" s="277"/>
      <c r="AT33" s="275"/>
      <c r="AU33" s="275"/>
      <c r="AV33" s="275"/>
      <c r="AW33" s="275"/>
      <c r="AX33" s="275"/>
      <c r="AY33" s="275"/>
      <c r="AZ33" s="275"/>
      <c r="BA33" s="275"/>
      <c r="BB33" s="275"/>
      <c r="BC33" s="275"/>
      <c r="BD33" s="275"/>
      <c r="BE33" s="275"/>
      <c r="BF33" s="275"/>
      <c r="BG33" s="275"/>
      <c r="BH33" s="275"/>
      <c r="BI33" s="275"/>
      <c r="BJ33" s="275"/>
      <c r="BK33" s="275"/>
      <c r="BL33" s="276"/>
      <c r="BM33" s="277"/>
      <c r="BN33" s="275"/>
      <c r="BO33" s="275"/>
      <c r="BP33" s="275"/>
      <c r="BQ33" s="275"/>
      <c r="BR33" s="275"/>
      <c r="BS33" s="275"/>
      <c r="BT33" s="275"/>
      <c r="BU33" s="275"/>
      <c r="BV33" s="275"/>
      <c r="BW33" s="275"/>
      <c r="BX33" s="275"/>
      <c r="BY33" s="275"/>
      <c r="BZ33" s="275"/>
      <c r="CA33" s="275"/>
      <c r="CB33" s="275"/>
      <c r="CC33" s="275"/>
      <c r="CD33" s="275"/>
      <c r="CE33" s="275"/>
      <c r="CF33" s="276"/>
      <c r="CG33" s="140"/>
      <c r="CH33" s="208"/>
      <c r="CI33" s="208"/>
      <c r="CJ33" s="208"/>
      <c r="CK33" s="208"/>
      <c r="CL33" s="208"/>
      <c r="CM33" s="208"/>
      <c r="CN33" s="208"/>
      <c r="CO33" s="208"/>
      <c r="CP33" s="208"/>
      <c r="CQ33" s="208"/>
      <c r="CR33" s="141"/>
      <c r="CS33" s="141"/>
      <c r="CT33" s="141"/>
      <c r="CU33" s="141"/>
      <c r="CV33" s="141"/>
      <c r="CW33" s="141"/>
      <c r="CX33" s="141"/>
      <c r="CY33" s="141"/>
      <c r="CZ33" s="142"/>
    </row>
    <row r="34" spans="1:104" ht="12.5" customHeight="1" thickBot="1" x14ac:dyDescent="0.6">
      <c r="A34" s="317"/>
      <c r="B34" s="303"/>
      <c r="C34" s="265"/>
      <c r="D34" s="53" t="s">
        <v>326</v>
      </c>
      <c r="E34" s="286"/>
      <c r="F34" s="287"/>
      <c r="G34" s="287"/>
      <c r="H34" s="287"/>
      <c r="I34" s="287"/>
      <c r="J34" s="287"/>
      <c r="K34" s="287"/>
      <c r="L34" s="287"/>
      <c r="M34" s="287"/>
      <c r="N34" s="287"/>
      <c r="O34" s="287"/>
      <c r="P34" s="287"/>
      <c r="Q34" s="287"/>
      <c r="R34" s="287"/>
      <c r="S34" s="287"/>
      <c r="T34" s="287"/>
      <c r="U34" s="287"/>
      <c r="V34" s="287"/>
      <c r="W34" s="287"/>
      <c r="X34" s="288"/>
      <c r="Y34" s="290"/>
      <c r="Z34" s="287"/>
      <c r="AA34" s="287"/>
      <c r="AB34" s="287"/>
      <c r="AC34" s="287"/>
      <c r="AD34" s="287"/>
      <c r="AE34" s="287"/>
      <c r="AF34" s="287"/>
      <c r="AG34" s="287"/>
      <c r="AH34" s="287"/>
      <c r="AI34" s="287"/>
      <c r="AJ34" s="287"/>
      <c r="AK34" s="287"/>
      <c r="AL34" s="287"/>
      <c r="AM34" s="287"/>
      <c r="AN34" s="287"/>
      <c r="AO34" s="287"/>
      <c r="AP34" s="287"/>
      <c r="AQ34" s="287"/>
      <c r="AR34" s="288"/>
      <c r="AS34" s="277"/>
      <c r="AT34" s="275"/>
      <c r="AU34" s="275"/>
      <c r="AV34" s="275"/>
      <c r="AW34" s="275"/>
      <c r="AX34" s="275"/>
      <c r="AY34" s="275"/>
      <c r="AZ34" s="275"/>
      <c r="BA34" s="275"/>
      <c r="BB34" s="275"/>
      <c r="BC34" s="275"/>
      <c r="BD34" s="275"/>
      <c r="BE34" s="275"/>
      <c r="BF34" s="275"/>
      <c r="BG34" s="275"/>
      <c r="BH34" s="275"/>
      <c r="BI34" s="275"/>
      <c r="BJ34" s="275"/>
      <c r="BK34" s="275"/>
      <c r="BL34" s="276"/>
      <c r="BM34" s="290"/>
      <c r="BN34" s="287"/>
      <c r="BO34" s="287"/>
      <c r="BP34" s="287"/>
      <c r="BQ34" s="287"/>
      <c r="BR34" s="287"/>
      <c r="BS34" s="287"/>
      <c r="BT34" s="287"/>
      <c r="BU34" s="287"/>
      <c r="BV34" s="287"/>
      <c r="BW34" s="287"/>
      <c r="BX34" s="287"/>
      <c r="BY34" s="287"/>
      <c r="BZ34" s="287"/>
      <c r="CA34" s="287"/>
      <c r="CB34" s="287"/>
      <c r="CC34" s="287"/>
      <c r="CD34" s="287"/>
      <c r="CE34" s="287"/>
      <c r="CF34" s="288"/>
      <c r="CG34" s="197"/>
      <c r="CH34" s="212"/>
      <c r="CI34" s="212"/>
      <c r="CJ34" s="212"/>
      <c r="CK34" s="212"/>
      <c r="CL34" s="212"/>
      <c r="CM34" s="212"/>
      <c r="CN34" s="212"/>
      <c r="CO34" s="212"/>
      <c r="CP34" s="212"/>
      <c r="CQ34" s="212"/>
      <c r="CR34" s="198"/>
      <c r="CS34" s="198"/>
      <c r="CT34" s="198"/>
      <c r="CU34" s="198"/>
      <c r="CV34" s="198"/>
      <c r="CW34" s="198"/>
      <c r="CX34" s="198"/>
      <c r="CY34" s="198"/>
      <c r="CZ34" s="199"/>
    </row>
    <row r="35" spans="1:104" ht="26.15" customHeight="1" x14ac:dyDescent="0.55000000000000004">
      <c r="A35" s="292" t="s">
        <v>202</v>
      </c>
      <c r="B35" s="293"/>
      <c r="C35" s="294"/>
      <c r="D35" s="49" t="s">
        <v>190</v>
      </c>
      <c r="E35" s="322"/>
      <c r="F35" s="320"/>
      <c r="G35" s="320"/>
      <c r="H35" s="320"/>
      <c r="I35" s="320"/>
      <c r="J35" s="320"/>
      <c r="K35" s="320"/>
      <c r="L35" s="320"/>
      <c r="M35" s="320"/>
      <c r="N35" s="320"/>
      <c r="O35" s="320"/>
      <c r="P35" s="320"/>
      <c r="Q35" s="320"/>
      <c r="R35" s="320"/>
      <c r="S35" s="320"/>
      <c r="T35" s="320"/>
      <c r="U35" s="320"/>
      <c r="V35" s="320"/>
      <c r="W35" s="331"/>
      <c r="X35" s="332"/>
      <c r="Y35" s="322"/>
      <c r="Z35" s="320"/>
      <c r="AA35" s="320"/>
      <c r="AB35" s="320"/>
      <c r="AC35" s="320"/>
      <c r="AD35" s="320"/>
      <c r="AE35" s="320"/>
      <c r="AF35" s="320"/>
      <c r="AG35" s="320"/>
      <c r="AH35" s="320"/>
      <c r="AI35" s="320"/>
      <c r="AJ35" s="320"/>
      <c r="AK35" s="320"/>
      <c r="AL35" s="320"/>
      <c r="AM35" s="320"/>
      <c r="AN35" s="320"/>
      <c r="AO35" s="320"/>
      <c r="AP35" s="320"/>
      <c r="AQ35" s="331"/>
      <c r="AR35" s="332"/>
      <c r="AS35" s="333"/>
      <c r="AT35" s="331"/>
      <c r="AU35" s="331"/>
      <c r="AV35" s="331"/>
      <c r="AW35" s="331"/>
      <c r="AX35" s="331"/>
      <c r="AY35" s="331"/>
      <c r="AZ35" s="331"/>
      <c r="BA35" s="331"/>
      <c r="BB35" s="331"/>
      <c r="BC35" s="331"/>
      <c r="BD35" s="331"/>
      <c r="BE35" s="331"/>
      <c r="BF35" s="331"/>
      <c r="BG35" s="331"/>
      <c r="BH35" s="331"/>
      <c r="BI35" s="331"/>
      <c r="BJ35" s="331"/>
      <c r="BK35" s="331"/>
      <c r="BL35" s="332"/>
      <c r="BM35" s="322"/>
      <c r="BN35" s="320"/>
      <c r="BO35" s="320"/>
      <c r="BP35" s="320"/>
      <c r="BQ35" s="320"/>
      <c r="BR35" s="320"/>
      <c r="BS35" s="320"/>
      <c r="BT35" s="320"/>
      <c r="BU35" s="320"/>
      <c r="BV35" s="320"/>
      <c r="BW35" s="320"/>
      <c r="BX35" s="320"/>
      <c r="BY35" s="320"/>
      <c r="BZ35" s="320"/>
      <c r="CA35" s="320"/>
      <c r="CB35" s="320"/>
      <c r="CC35" s="320"/>
      <c r="CD35" s="320"/>
      <c r="CE35" s="331"/>
      <c r="CF35" s="332"/>
      <c r="CG35" s="322"/>
      <c r="CH35" s="320"/>
      <c r="CI35" s="320"/>
      <c r="CJ35" s="320"/>
      <c r="CK35" s="320"/>
      <c r="CL35" s="320"/>
      <c r="CM35" s="320"/>
      <c r="CN35" s="320"/>
      <c r="CO35" s="320"/>
      <c r="CP35" s="320"/>
      <c r="CQ35" s="320"/>
      <c r="CR35" s="320"/>
      <c r="CS35" s="320"/>
      <c r="CT35" s="320"/>
      <c r="CU35" s="320"/>
      <c r="CV35" s="320"/>
      <c r="CW35" s="320"/>
      <c r="CX35" s="320"/>
      <c r="CY35" s="331"/>
      <c r="CZ35" s="332"/>
    </row>
    <row r="36" spans="1:104" ht="26" x14ac:dyDescent="0.55000000000000004">
      <c r="A36" s="295"/>
      <c r="B36" s="296"/>
      <c r="C36" s="297"/>
      <c r="D36" s="50" t="s">
        <v>191</v>
      </c>
      <c r="E36" s="325"/>
      <c r="F36" s="323"/>
      <c r="G36" s="323"/>
      <c r="H36" s="323"/>
      <c r="I36" s="323"/>
      <c r="J36" s="323"/>
      <c r="K36" s="323"/>
      <c r="L36" s="323"/>
      <c r="M36" s="323"/>
      <c r="N36" s="323"/>
      <c r="O36" s="323"/>
      <c r="P36" s="323"/>
      <c r="Q36" s="323"/>
      <c r="R36" s="323"/>
      <c r="S36" s="323"/>
      <c r="T36" s="323"/>
      <c r="U36" s="323"/>
      <c r="V36" s="323"/>
      <c r="W36" s="323"/>
      <c r="X36" s="324"/>
      <c r="Y36" s="325"/>
      <c r="Z36" s="323"/>
      <c r="AA36" s="323"/>
      <c r="AB36" s="323"/>
      <c r="AC36" s="323"/>
      <c r="AD36" s="323"/>
      <c r="AE36" s="323"/>
      <c r="AF36" s="323"/>
      <c r="AG36" s="323"/>
      <c r="AH36" s="323"/>
      <c r="AI36" s="323"/>
      <c r="AJ36" s="323"/>
      <c r="AK36" s="323"/>
      <c r="AL36" s="323"/>
      <c r="AM36" s="323"/>
      <c r="AN36" s="323"/>
      <c r="AO36" s="323"/>
      <c r="AP36" s="323"/>
      <c r="AQ36" s="323"/>
      <c r="AR36" s="324"/>
      <c r="AS36" s="325"/>
      <c r="AT36" s="323"/>
      <c r="AU36" s="323"/>
      <c r="AV36" s="323"/>
      <c r="AW36" s="323"/>
      <c r="AX36" s="323"/>
      <c r="AY36" s="323"/>
      <c r="AZ36" s="323"/>
      <c r="BA36" s="323"/>
      <c r="BB36" s="323"/>
      <c r="BC36" s="323"/>
      <c r="BD36" s="323"/>
      <c r="BE36" s="323"/>
      <c r="BF36" s="323"/>
      <c r="BG36" s="323"/>
      <c r="BH36" s="323"/>
      <c r="BI36" s="323"/>
      <c r="BJ36" s="323"/>
      <c r="BK36" s="323"/>
      <c r="BL36" s="324"/>
      <c r="BM36" s="325"/>
      <c r="BN36" s="323"/>
      <c r="BO36" s="323"/>
      <c r="BP36" s="323"/>
      <c r="BQ36" s="323"/>
      <c r="BR36" s="323"/>
      <c r="BS36" s="323"/>
      <c r="BT36" s="323"/>
      <c r="BU36" s="323"/>
      <c r="BV36" s="323"/>
      <c r="BW36" s="323"/>
      <c r="BX36" s="323"/>
      <c r="BY36" s="323"/>
      <c r="BZ36" s="323"/>
      <c r="CA36" s="323"/>
      <c r="CB36" s="323"/>
      <c r="CC36" s="323"/>
      <c r="CD36" s="323"/>
      <c r="CE36" s="323"/>
      <c r="CF36" s="324"/>
      <c r="CG36" s="325"/>
      <c r="CH36" s="323"/>
      <c r="CI36" s="323"/>
      <c r="CJ36" s="323"/>
      <c r="CK36" s="323"/>
      <c r="CL36" s="323"/>
      <c r="CM36" s="323"/>
      <c r="CN36" s="323"/>
      <c r="CO36" s="323"/>
      <c r="CP36" s="323"/>
      <c r="CQ36" s="323"/>
      <c r="CR36" s="323"/>
      <c r="CS36" s="323"/>
      <c r="CT36" s="323"/>
      <c r="CU36" s="323"/>
      <c r="CV36" s="323"/>
      <c r="CW36" s="323"/>
      <c r="CX36" s="323"/>
      <c r="CY36" s="323"/>
      <c r="CZ36" s="324"/>
    </row>
    <row r="37" spans="1:104" ht="18" customHeight="1" x14ac:dyDescent="0.55000000000000004">
      <c r="A37" s="295"/>
      <c r="B37" s="296"/>
      <c r="C37" s="297"/>
      <c r="D37" s="128" t="s">
        <v>189</v>
      </c>
      <c r="E37" s="325"/>
      <c r="F37" s="323"/>
      <c r="G37" s="323"/>
      <c r="H37" s="323"/>
      <c r="I37" s="323"/>
      <c r="J37" s="323"/>
      <c r="K37" s="323"/>
      <c r="L37" s="323"/>
      <c r="M37" s="323"/>
      <c r="N37" s="323"/>
      <c r="O37" s="323"/>
      <c r="P37" s="323"/>
      <c r="Q37" s="323"/>
      <c r="R37" s="323"/>
      <c r="S37" s="323"/>
      <c r="T37" s="323"/>
      <c r="U37" s="323"/>
      <c r="V37" s="323"/>
      <c r="W37" s="323"/>
      <c r="X37" s="324"/>
      <c r="Y37" s="325"/>
      <c r="Z37" s="323"/>
      <c r="AA37" s="323"/>
      <c r="AB37" s="323"/>
      <c r="AC37" s="323"/>
      <c r="AD37" s="323"/>
      <c r="AE37" s="323"/>
      <c r="AF37" s="323"/>
      <c r="AG37" s="323"/>
      <c r="AH37" s="323"/>
      <c r="AI37" s="323"/>
      <c r="AJ37" s="323"/>
      <c r="AK37" s="323"/>
      <c r="AL37" s="323"/>
      <c r="AM37" s="323"/>
      <c r="AN37" s="323"/>
      <c r="AO37" s="323"/>
      <c r="AP37" s="323"/>
      <c r="AQ37" s="323"/>
      <c r="AR37" s="324"/>
      <c r="AS37" s="325"/>
      <c r="AT37" s="323"/>
      <c r="AU37" s="323"/>
      <c r="AV37" s="323"/>
      <c r="AW37" s="323"/>
      <c r="AX37" s="323"/>
      <c r="AY37" s="323"/>
      <c r="AZ37" s="323"/>
      <c r="BA37" s="323"/>
      <c r="BB37" s="323"/>
      <c r="BC37" s="323"/>
      <c r="BD37" s="323"/>
      <c r="BE37" s="323"/>
      <c r="BF37" s="323"/>
      <c r="BG37" s="323"/>
      <c r="BH37" s="323"/>
      <c r="BI37" s="323"/>
      <c r="BJ37" s="323"/>
      <c r="BK37" s="323"/>
      <c r="BL37" s="324"/>
      <c r="BM37" s="325"/>
      <c r="BN37" s="323"/>
      <c r="BO37" s="323"/>
      <c r="BP37" s="323"/>
      <c r="BQ37" s="323"/>
      <c r="BR37" s="323"/>
      <c r="BS37" s="323"/>
      <c r="BT37" s="323"/>
      <c r="BU37" s="323"/>
      <c r="BV37" s="323"/>
      <c r="BW37" s="323"/>
      <c r="BX37" s="323"/>
      <c r="BY37" s="323"/>
      <c r="BZ37" s="323"/>
      <c r="CA37" s="323"/>
      <c r="CB37" s="323"/>
      <c r="CC37" s="323"/>
      <c r="CD37" s="323"/>
      <c r="CE37" s="323"/>
      <c r="CF37" s="324"/>
      <c r="CG37" s="325"/>
      <c r="CH37" s="323"/>
      <c r="CI37" s="323"/>
      <c r="CJ37" s="323"/>
      <c r="CK37" s="323"/>
      <c r="CL37" s="323"/>
      <c r="CM37" s="323"/>
      <c r="CN37" s="323"/>
      <c r="CO37" s="323"/>
      <c r="CP37" s="323"/>
      <c r="CQ37" s="323"/>
      <c r="CR37" s="323"/>
      <c r="CS37" s="323"/>
      <c r="CT37" s="323"/>
      <c r="CU37" s="323"/>
      <c r="CV37" s="323"/>
      <c r="CW37" s="323"/>
      <c r="CX37" s="323"/>
      <c r="CY37" s="323"/>
      <c r="CZ37" s="324"/>
    </row>
    <row r="38" spans="1:104" ht="26" x14ac:dyDescent="0.55000000000000004">
      <c r="A38" s="295"/>
      <c r="B38" s="296"/>
      <c r="C38" s="297"/>
      <c r="D38" s="50" t="s">
        <v>192</v>
      </c>
      <c r="E38" s="325"/>
      <c r="F38" s="323"/>
      <c r="G38" s="323"/>
      <c r="H38" s="323"/>
      <c r="I38" s="323"/>
      <c r="J38" s="323"/>
      <c r="K38" s="323"/>
      <c r="L38" s="323"/>
      <c r="M38" s="323"/>
      <c r="N38" s="323"/>
      <c r="O38" s="323"/>
      <c r="P38" s="323"/>
      <c r="Q38" s="323"/>
      <c r="R38" s="323"/>
      <c r="S38" s="323"/>
      <c r="T38" s="323"/>
      <c r="U38" s="323"/>
      <c r="V38" s="323"/>
      <c r="W38" s="323"/>
      <c r="X38" s="324"/>
      <c r="Y38" s="325"/>
      <c r="Z38" s="323"/>
      <c r="AA38" s="323"/>
      <c r="AB38" s="323"/>
      <c r="AC38" s="323"/>
      <c r="AD38" s="323"/>
      <c r="AE38" s="323"/>
      <c r="AF38" s="323"/>
      <c r="AG38" s="323"/>
      <c r="AH38" s="323"/>
      <c r="AI38" s="323"/>
      <c r="AJ38" s="323"/>
      <c r="AK38" s="323"/>
      <c r="AL38" s="323"/>
      <c r="AM38" s="323"/>
      <c r="AN38" s="323"/>
      <c r="AO38" s="323"/>
      <c r="AP38" s="323"/>
      <c r="AQ38" s="323"/>
      <c r="AR38" s="324"/>
      <c r="AS38" s="325"/>
      <c r="AT38" s="323"/>
      <c r="AU38" s="323"/>
      <c r="AV38" s="323"/>
      <c r="AW38" s="323"/>
      <c r="AX38" s="323"/>
      <c r="AY38" s="323"/>
      <c r="AZ38" s="323"/>
      <c r="BA38" s="323"/>
      <c r="BB38" s="323"/>
      <c r="BC38" s="323"/>
      <c r="BD38" s="323"/>
      <c r="BE38" s="323"/>
      <c r="BF38" s="323"/>
      <c r="BG38" s="323"/>
      <c r="BH38" s="323"/>
      <c r="BI38" s="323"/>
      <c r="BJ38" s="323"/>
      <c r="BK38" s="323"/>
      <c r="BL38" s="324"/>
      <c r="BM38" s="325"/>
      <c r="BN38" s="323"/>
      <c r="BO38" s="323"/>
      <c r="BP38" s="323"/>
      <c r="BQ38" s="323"/>
      <c r="BR38" s="323"/>
      <c r="BS38" s="323"/>
      <c r="BT38" s="323"/>
      <c r="BU38" s="323"/>
      <c r="BV38" s="323"/>
      <c r="BW38" s="323"/>
      <c r="BX38" s="323"/>
      <c r="BY38" s="323"/>
      <c r="BZ38" s="323"/>
      <c r="CA38" s="323"/>
      <c r="CB38" s="323"/>
      <c r="CC38" s="323"/>
      <c r="CD38" s="323"/>
      <c r="CE38" s="323"/>
      <c r="CF38" s="324"/>
      <c r="CG38" s="325"/>
      <c r="CH38" s="323"/>
      <c r="CI38" s="323"/>
      <c r="CJ38" s="323"/>
      <c r="CK38" s="323"/>
      <c r="CL38" s="323"/>
      <c r="CM38" s="323"/>
      <c r="CN38" s="323"/>
      <c r="CO38" s="323"/>
      <c r="CP38" s="323"/>
      <c r="CQ38" s="323"/>
      <c r="CR38" s="323"/>
      <c r="CS38" s="323"/>
      <c r="CT38" s="323"/>
      <c r="CU38" s="323"/>
      <c r="CV38" s="323"/>
      <c r="CW38" s="323"/>
      <c r="CX38" s="323"/>
      <c r="CY38" s="323"/>
      <c r="CZ38" s="324"/>
    </row>
    <row r="39" spans="1:104" ht="26" x14ac:dyDescent="0.55000000000000004">
      <c r="A39" s="295"/>
      <c r="B39" s="296"/>
      <c r="C39" s="297"/>
      <c r="D39" s="128" t="s">
        <v>193</v>
      </c>
      <c r="E39" s="325"/>
      <c r="F39" s="323"/>
      <c r="G39" s="323"/>
      <c r="H39" s="323"/>
      <c r="I39" s="323"/>
      <c r="J39" s="323"/>
      <c r="K39" s="323"/>
      <c r="L39" s="323"/>
      <c r="M39" s="323"/>
      <c r="N39" s="323"/>
      <c r="O39" s="323"/>
      <c r="P39" s="323"/>
      <c r="Q39" s="323"/>
      <c r="R39" s="323"/>
      <c r="S39" s="323"/>
      <c r="T39" s="323"/>
      <c r="U39" s="323"/>
      <c r="V39" s="323"/>
      <c r="W39" s="323"/>
      <c r="X39" s="324"/>
      <c r="Y39" s="325"/>
      <c r="Z39" s="323"/>
      <c r="AA39" s="323"/>
      <c r="AB39" s="323"/>
      <c r="AC39" s="323"/>
      <c r="AD39" s="323"/>
      <c r="AE39" s="323"/>
      <c r="AF39" s="323"/>
      <c r="AG39" s="323"/>
      <c r="AH39" s="323"/>
      <c r="AI39" s="323"/>
      <c r="AJ39" s="323"/>
      <c r="AK39" s="323"/>
      <c r="AL39" s="323"/>
      <c r="AM39" s="323"/>
      <c r="AN39" s="323"/>
      <c r="AO39" s="323"/>
      <c r="AP39" s="323"/>
      <c r="AQ39" s="323"/>
      <c r="AR39" s="324"/>
      <c r="AS39" s="325"/>
      <c r="AT39" s="323"/>
      <c r="AU39" s="323"/>
      <c r="AV39" s="323"/>
      <c r="AW39" s="323"/>
      <c r="AX39" s="323"/>
      <c r="AY39" s="323"/>
      <c r="AZ39" s="323"/>
      <c r="BA39" s="323"/>
      <c r="BB39" s="323"/>
      <c r="BC39" s="323"/>
      <c r="BD39" s="323"/>
      <c r="BE39" s="323"/>
      <c r="BF39" s="323"/>
      <c r="BG39" s="323"/>
      <c r="BH39" s="323"/>
      <c r="BI39" s="323"/>
      <c r="BJ39" s="323"/>
      <c r="BK39" s="323"/>
      <c r="BL39" s="324"/>
      <c r="BM39" s="325"/>
      <c r="BN39" s="323"/>
      <c r="BO39" s="323"/>
      <c r="BP39" s="323"/>
      <c r="BQ39" s="323"/>
      <c r="BR39" s="323"/>
      <c r="BS39" s="323"/>
      <c r="BT39" s="323"/>
      <c r="BU39" s="323"/>
      <c r="BV39" s="323"/>
      <c r="BW39" s="323"/>
      <c r="BX39" s="323"/>
      <c r="BY39" s="323"/>
      <c r="BZ39" s="323"/>
      <c r="CA39" s="323"/>
      <c r="CB39" s="323"/>
      <c r="CC39" s="323"/>
      <c r="CD39" s="323"/>
      <c r="CE39" s="323"/>
      <c r="CF39" s="324"/>
      <c r="CG39" s="325"/>
      <c r="CH39" s="323"/>
      <c r="CI39" s="323"/>
      <c r="CJ39" s="323"/>
      <c r="CK39" s="323"/>
      <c r="CL39" s="323"/>
      <c r="CM39" s="323"/>
      <c r="CN39" s="323"/>
      <c r="CO39" s="323"/>
      <c r="CP39" s="323"/>
      <c r="CQ39" s="323"/>
      <c r="CR39" s="323"/>
      <c r="CS39" s="323"/>
      <c r="CT39" s="323"/>
      <c r="CU39" s="323"/>
      <c r="CV39" s="323"/>
      <c r="CW39" s="323"/>
      <c r="CX39" s="323"/>
      <c r="CY39" s="323"/>
      <c r="CZ39" s="324"/>
    </row>
    <row r="40" spans="1:104" ht="26" x14ac:dyDescent="0.55000000000000004">
      <c r="A40" s="295"/>
      <c r="B40" s="296"/>
      <c r="C40" s="297"/>
      <c r="D40" s="50" t="s">
        <v>194</v>
      </c>
      <c r="E40" s="325"/>
      <c r="F40" s="323"/>
      <c r="G40" s="323"/>
      <c r="H40" s="323"/>
      <c r="I40" s="323"/>
      <c r="J40" s="323"/>
      <c r="K40" s="323"/>
      <c r="L40" s="323"/>
      <c r="M40" s="323"/>
      <c r="N40" s="323"/>
      <c r="O40" s="323"/>
      <c r="P40" s="323"/>
      <c r="Q40" s="323"/>
      <c r="R40" s="323"/>
      <c r="S40" s="323"/>
      <c r="T40" s="323"/>
      <c r="U40" s="323"/>
      <c r="V40" s="323"/>
      <c r="W40" s="323"/>
      <c r="X40" s="324"/>
      <c r="Y40" s="325"/>
      <c r="Z40" s="323"/>
      <c r="AA40" s="323"/>
      <c r="AB40" s="323"/>
      <c r="AC40" s="323"/>
      <c r="AD40" s="323"/>
      <c r="AE40" s="323"/>
      <c r="AF40" s="323"/>
      <c r="AG40" s="323"/>
      <c r="AH40" s="323"/>
      <c r="AI40" s="323"/>
      <c r="AJ40" s="323"/>
      <c r="AK40" s="323"/>
      <c r="AL40" s="323"/>
      <c r="AM40" s="323"/>
      <c r="AN40" s="323"/>
      <c r="AO40" s="323"/>
      <c r="AP40" s="323"/>
      <c r="AQ40" s="323"/>
      <c r="AR40" s="324"/>
      <c r="AS40" s="325"/>
      <c r="AT40" s="323"/>
      <c r="AU40" s="323"/>
      <c r="AV40" s="323"/>
      <c r="AW40" s="323"/>
      <c r="AX40" s="323"/>
      <c r="AY40" s="323"/>
      <c r="AZ40" s="323"/>
      <c r="BA40" s="323"/>
      <c r="BB40" s="323"/>
      <c r="BC40" s="323"/>
      <c r="BD40" s="323"/>
      <c r="BE40" s="323"/>
      <c r="BF40" s="323"/>
      <c r="BG40" s="323"/>
      <c r="BH40" s="323"/>
      <c r="BI40" s="323"/>
      <c r="BJ40" s="323"/>
      <c r="BK40" s="323"/>
      <c r="BL40" s="324"/>
      <c r="BM40" s="325"/>
      <c r="BN40" s="323"/>
      <c r="BO40" s="323"/>
      <c r="BP40" s="323"/>
      <c r="BQ40" s="323"/>
      <c r="BR40" s="323"/>
      <c r="BS40" s="323"/>
      <c r="BT40" s="323"/>
      <c r="BU40" s="323"/>
      <c r="BV40" s="323"/>
      <c r="BW40" s="323"/>
      <c r="BX40" s="323"/>
      <c r="BY40" s="323"/>
      <c r="BZ40" s="323"/>
      <c r="CA40" s="323"/>
      <c r="CB40" s="323"/>
      <c r="CC40" s="323"/>
      <c r="CD40" s="323"/>
      <c r="CE40" s="323"/>
      <c r="CF40" s="324"/>
      <c r="CG40" s="325"/>
      <c r="CH40" s="323"/>
      <c r="CI40" s="323"/>
      <c r="CJ40" s="323"/>
      <c r="CK40" s="323"/>
      <c r="CL40" s="323"/>
      <c r="CM40" s="323"/>
      <c r="CN40" s="323"/>
      <c r="CO40" s="323"/>
      <c r="CP40" s="323"/>
      <c r="CQ40" s="323"/>
      <c r="CR40" s="323"/>
      <c r="CS40" s="323"/>
      <c r="CT40" s="323"/>
      <c r="CU40" s="323"/>
      <c r="CV40" s="323"/>
      <c r="CW40" s="323"/>
      <c r="CX40" s="323"/>
      <c r="CY40" s="323"/>
      <c r="CZ40" s="324"/>
    </row>
    <row r="41" spans="1:104" ht="26" x14ac:dyDescent="0.55000000000000004">
      <c r="A41" s="295"/>
      <c r="B41" s="296"/>
      <c r="C41" s="297"/>
      <c r="D41" s="50" t="s">
        <v>195</v>
      </c>
      <c r="E41" s="325"/>
      <c r="F41" s="323"/>
      <c r="G41" s="323"/>
      <c r="H41" s="323"/>
      <c r="I41" s="323"/>
      <c r="J41" s="323"/>
      <c r="K41" s="323"/>
      <c r="L41" s="323"/>
      <c r="M41" s="323"/>
      <c r="N41" s="323"/>
      <c r="O41" s="323"/>
      <c r="P41" s="323"/>
      <c r="Q41" s="323"/>
      <c r="R41" s="323"/>
      <c r="S41" s="323"/>
      <c r="T41" s="323"/>
      <c r="U41" s="323"/>
      <c r="V41" s="323"/>
      <c r="W41" s="323"/>
      <c r="X41" s="324"/>
      <c r="Y41" s="325"/>
      <c r="Z41" s="323"/>
      <c r="AA41" s="323"/>
      <c r="AB41" s="323"/>
      <c r="AC41" s="323"/>
      <c r="AD41" s="323"/>
      <c r="AE41" s="323"/>
      <c r="AF41" s="323"/>
      <c r="AG41" s="323"/>
      <c r="AH41" s="323"/>
      <c r="AI41" s="323"/>
      <c r="AJ41" s="323"/>
      <c r="AK41" s="323"/>
      <c r="AL41" s="323"/>
      <c r="AM41" s="323"/>
      <c r="AN41" s="323"/>
      <c r="AO41" s="323"/>
      <c r="AP41" s="323"/>
      <c r="AQ41" s="323"/>
      <c r="AR41" s="324"/>
      <c r="AS41" s="325"/>
      <c r="AT41" s="323"/>
      <c r="AU41" s="323"/>
      <c r="AV41" s="323"/>
      <c r="AW41" s="323"/>
      <c r="AX41" s="323"/>
      <c r="AY41" s="323"/>
      <c r="AZ41" s="323"/>
      <c r="BA41" s="323"/>
      <c r="BB41" s="323"/>
      <c r="BC41" s="323"/>
      <c r="BD41" s="323"/>
      <c r="BE41" s="323"/>
      <c r="BF41" s="323"/>
      <c r="BG41" s="323"/>
      <c r="BH41" s="323"/>
      <c r="BI41" s="323"/>
      <c r="BJ41" s="323"/>
      <c r="BK41" s="323"/>
      <c r="BL41" s="324"/>
      <c r="BM41" s="325"/>
      <c r="BN41" s="323"/>
      <c r="BO41" s="323"/>
      <c r="BP41" s="323"/>
      <c r="BQ41" s="323"/>
      <c r="BR41" s="323"/>
      <c r="BS41" s="323"/>
      <c r="BT41" s="323"/>
      <c r="BU41" s="323"/>
      <c r="BV41" s="323"/>
      <c r="BW41" s="323"/>
      <c r="BX41" s="323"/>
      <c r="BY41" s="323"/>
      <c r="BZ41" s="323"/>
      <c r="CA41" s="323"/>
      <c r="CB41" s="323"/>
      <c r="CC41" s="323"/>
      <c r="CD41" s="323"/>
      <c r="CE41" s="323"/>
      <c r="CF41" s="324"/>
      <c r="CG41" s="325"/>
      <c r="CH41" s="323"/>
      <c r="CI41" s="323"/>
      <c r="CJ41" s="323"/>
      <c r="CK41" s="323"/>
      <c r="CL41" s="323"/>
      <c r="CM41" s="323"/>
      <c r="CN41" s="323"/>
      <c r="CO41" s="323"/>
      <c r="CP41" s="323"/>
      <c r="CQ41" s="323"/>
      <c r="CR41" s="323"/>
      <c r="CS41" s="323"/>
      <c r="CT41" s="323"/>
      <c r="CU41" s="323"/>
      <c r="CV41" s="323"/>
      <c r="CW41" s="323"/>
      <c r="CX41" s="323"/>
      <c r="CY41" s="323"/>
      <c r="CZ41" s="324"/>
    </row>
    <row r="42" spans="1:104" ht="26" x14ac:dyDescent="0.55000000000000004">
      <c r="A42" s="295"/>
      <c r="B42" s="296"/>
      <c r="C42" s="297"/>
      <c r="D42" s="171" t="s">
        <v>196</v>
      </c>
      <c r="E42" s="325"/>
      <c r="F42" s="323"/>
      <c r="G42" s="323"/>
      <c r="H42" s="323"/>
      <c r="I42" s="323"/>
      <c r="J42" s="323"/>
      <c r="K42" s="323"/>
      <c r="L42" s="323"/>
      <c r="M42" s="323"/>
      <c r="N42" s="323"/>
      <c r="O42" s="323"/>
      <c r="P42" s="323"/>
      <c r="Q42" s="323"/>
      <c r="R42" s="323"/>
      <c r="S42" s="323"/>
      <c r="T42" s="323"/>
      <c r="U42" s="323"/>
      <c r="V42" s="323"/>
      <c r="W42" s="323"/>
      <c r="X42" s="324"/>
      <c r="Y42" s="325"/>
      <c r="Z42" s="323"/>
      <c r="AA42" s="323"/>
      <c r="AB42" s="323"/>
      <c r="AC42" s="323"/>
      <c r="AD42" s="323"/>
      <c r="AE42" s="323"/>
      <c r="AF42" s="323"/>
      <c r="AG42" s="323"/>
      <c r="AH42" s="323"/>
      <c r="AI42" s="323"/>
      <c r="AJ42" s="323"/>
      <c r="AK42" s="323"/>
      <c r="AL42" s="323"/>
      <c r="AM42" s="323"/>
      <c r="AN42" s="323"/>
      <c r="AO42" s="323"/>
      <c r="AP42" s="323"/>
      <c r="AQ42" s="323"/>
      <c r="AR42" s="324"/>
      <c r="AS42" s="325"/>
      <c r="AT42" s="323"/>
      <c r="AU42" s="323"/>
      <c r="AV42" s="323"/>
      <c r="AW42" s="323"/>
      <c r="AX42" s="323"/>
      <c r="AY42" s="323"/>
      <c r="AZ42" s="323"/>
      <c r="BA42" s="323"/>
      <c r="BB42" s="323"/>
      <c r="BC42" s="323"/>
      <c r="BD42" s="323"/>
      <c r="BE42" s="323"/>
      <c r="BF42" s="323"/>
      <c r="BG42" s="323"/>
      <c r="BH42" s="323"/>
      <c r="BI42" s="323"/>
      <c r="BJ42" s="323"/>
      <c r="BK42" s="323"/>
      <c r="BL42" s="324"/>
      <c r="BM42" s="325"/>
      <c r="BN42" s="323"/>
      <c r="BO42" s="323"/>
      <c r="BP42" s="323"/>
      <c r="BQ42" s="323"/>
      <c r="BR42" s="323"/>
      <c r="BS42" s="323"/>
      <c r="BT42" s="323"/>
      <c r="BU42" s="323"/>
      <c r="BV42" s="323"/>
      <c r="BW42" s="323"/>
      <c r="BX42" s="323"/>
      <c r="BY42" s="323"/>
      <c r="BZ42" s="323"/>
      <c r="CA42" s="323"/>
      <c r="CB42" s="323"/>
      <c r="CC42" s="323"/>
      <c r="CD42" s="323"/>
      <c r="CE42" s="323"/>
      <c r="CF42" s="324"/>
      <c r="CG42" s="325"/>
      <c r="CH42" s="323"/>
      <c r="CI42" s="323"/>
      <c r="CJ42" s="323"/>
      <c r="CK42" s="323"/>
      <c r="CL42" s="323"/>
      <c r="CM42" s="323"/>
      <c r="CN42" s="323"/>
      <c r="CO42" s="323"/>
      <c r="CP42" s="323"/>
      <c r="CQ42" s="323"/>
      <c r="CR42" s="323"/>
      <c r="CS42" s="323"/>
      <c r="CT42" s="323"/>
      <c r="CU42" s="323"/>
      <c r="CV42" s="323"/>
      <c r="CW42" s="323"/>
      <c r="CX42" s="323"/>
      <c r="CY42" s="323"/>
      <c r="CZ42" s="324"/>
    </row>
    <row r="43" spans="1:104" ht="26.5" thickBot="1" x14ac:dyDescent="0.6">
      <c r="A43" s="298"/>
      <c r="B43" s="299"/>
      <c r="C43" s="300"/>
      <c r="D43" s="53" t="s">
        <v>197</v>
      </c>
      <c r="E43" s="337"/>
      <c r="F43" s="335"/>
      <c r="G43" s="335"/>
      <c r="H43" s="335"/>
      <c r="I43" s="335"/>
      <c r="J43" s="335"/>
      <c r="K43" s="335"/>
      <c r="L43" s="335"/>
      <c r="M43" s="335"/>
      <c r="N43" s="335"/>
      <c r="O43" s="335"/>
      <c r="P43" s="335"/>
      <c r="Q43" s="335"/>
      <c r="R43" s="335"/>
      <c r="S43" s="335"/>
      <c r="T43" s="335"/>
      <c r="U43" s="335"/>
      <c r="V43" s="335"/>
      <c r="W43" s="335"/>
      <c r="X43" s="336"/>
      <c r="Y43" s="337"/>
      <c r="Z43" s="335"/>
      <c r="AA43" s="335"/>
      <c r="AB43" s="335"/>
      <c r="AC43" s="335"/>
      <c r="AD43" s="335"/>
      <c r="AE43" s="335"/>
      <c r="AF43" s="335"/>
      <c r="AG43" s="335"/>
      <c r="AH43" s="335"/>
      <c r="AI43" s="335"/>
      <c r="AJ43" s="335"/>
      <c r="AK43" s="335"/>
      <c r="AL43" s="335"/>
      <c r="AM43" s="335"/>
      <c r="AN43" s="335"/>
      <c r="AO43" s="335"/>
      <c r="AP43" s="335"/>
      <c r="AQ43" s="335"/>
      <c r="AR43" s="336"/>
      <c r="AS43" s="337"/>
      <c r="AT43" s="335"/>
      <c r="AU43" s="335"/>
      <c r="AV43" s="335"/>
      <c r="AW43" s="335"/>
      <c r="AX43" s="335"/>
      <c r="AY43" s="335"/>
      <c r="AZ43" s="335"/>
      <c r="BA43" s="335"/>
      <c r="BB43" s="335"/>
      <c r="BC43" s="335"/>
      <c r="BD43" s="335"/>
      <c r="BE43" s="335"/>
      <c r="BF43" s="335"/>
      <c r="BG43" s="335"/>
      <c r="BH43" s="335"/>
      <c r="BI43" s="335"/>
      <c r="BJ43" s="335"/>
      <c r="BK43" s="335"/>
      <c r="BL43" s="336"/>
      <c r="BM43" s="337"/>
      <c r="BN43" s="335"/>
      <c r="BO43" s="335"/>
      <c r="BP43" s="335"/>
      <c r="BQ43" s="335"/>
      <c r="BR43" s="335"/>
      <c r="BS43" s="335"/>
      <c r="BT43" s="335"/>
      <c r="BU43" s="335"/>
      <c r="BV43" s="335"/>
      <c r="BW43" s="335"/>
      <c r="BX43" s="335"/>
      <c r="BY43" s="335"/>
      <c r="BZ43" s="335"/>
      <c r="CA43" s="335"/>
      <c r="CB43" s="335"/>
      <c r="CC43" s="335"/>
      <c r="CD43" s="335"/>
      <c r="CE43" s="335"/>
      <c r="CF43" s="336"/>
      <c r="CG43" s="337"/>
      <c r="CH43" s="335"/>
      <c r="CI43" s="335"/>
      <c r="CJ43" s="335"/>
      <c r="CK43" s="335"/>
      <c r="CL43" s="335"/>
      <c r="CM43" s="335"/>
      <c r="CN43" s="335"/>
      <c r="CO43" s="335"/>
      <c r="CP43" s="335"/>
      <c r="CQ43" s="335"/>
      <c r="CR43" s="335"/>
      <c r="CS43" s="335"/>
      <c r="CT43" s="335"/>
      <c r="CU43" s="335"/>
      <c r="CV43" s="335"/>
      <c r="CW43" s="335"/>
      <c r="CX43" s="335"/>
      <c r="CY43" s="335"/>
      <c r="CZ43" s="336"/>
    </row>
    <row r="44" spans="1:104" ht="13" customHeight="1" x14ac:dyDescent="0.55000000000000004">
      <c r="A44" s="292" t="s">
        <v>370</v>
      </c>
      <c r="B44" s="293"/>
      <c r="C44" s="294"/>
      <c r="D44" s="193" t="s">
        <v>331</v>
      </c>
      <c r="E44" s="322"/>
      <c r="F44" s="320"/>
      <c r="G44" s="320"/>
      <c r="H44" s="320"/>
      <c r="I44" s="320"/>
      <c r="J44" s="320"/>
      <c r="K44" s="320"/>
      <c r="L44" s="320"/>
      <c r="M44" s="320"/>
      <c r="N44" s="320"/>
      <c r="O44" s="320"/>
      <c r="P44" s="320"/>
      <c r="Q44" s="320"/>
      <c r="R44" s="320"/>
      <c r="S44" s="320"/>
      <c r="T44" s="320"/>
      <c r="U44" s="320"/>
      <c r="V44" s="320"/>
      <c r="W44" s="320"/>
      <c r="X44" s="321"/>
      <c r="Y44" s="322"/>
      <c r="Z44" s="320"/>
      <c r="AA44" s="320"/>
      <c r="AB44" s="320"/>
      <c r="AC44" s="320"/>
      <c r="AD44" s="320"/>
      <c r="AE44" s="320"/>
      <c r="AF44" s="320"/>
      <c r="AG44" s="320"/>
      <c r="AH44" s="320"/>
      <c r="AI44" s="320"/>
      <c r="AJ44" s="320"/>
      <c r="AK44" s="320"/>
      <c r="AL44" s="320"/>
      <c r="AM44" s="320"/>
      <c r="AN44" s="320"/>
      <c r="AO44" s="320"/>
      <c r="AP44" s="320"/>
      <c r="AQ44" s="320"/>
      <c r="AR44" s="321"/>
      <c r="AS44" s="322"/>
      <c r="AT44" s="320"/>
      <c r="AU44" s="320"/>
      <c r="AV44" s="320"/>
      <c r="AW44" s="320"/>
      <c r="AX44" s="320"/>
      <c r="AY44" s="320"/>
      <c r="AZ44" s="320"/>
      <c r="BA44" s="320"/>
      <c r="BB44" s="320"/>
      <c r="BC44" s="320"/>
      <c r="BD44" s="320"/>
      <c r="BE44" s="320"/>
      <c r="BF44" s="320"/>
      <c r="BG44" s="320"/>
      <c r="BH44" s="320"/>
      <c r="BI44" s="320"/>
      <c r="BJ44" s="320"/>
      <c r="BK44" s="320"/>
      <c r="BL44" s="321"/>
      <c r="BM44" s="322"/>
      <c r="BN44" s="320"/>
      <c r="BO44" s="320"/>
      <c r="BP44" s="320"/>
      <c r="BQ44" s="320"/>
      <c r="BR44" s="320"/>
      <c r="BS44" s="320"/>
      <c r="BT44" s="320"/>
      <c r="BU44" s="320"/>
      <c r="BV44" s="320"/>
      <c r="BW44" s="320"/>
      <c r="BX44" s="320"/>
      <c r="BY44" s="320"/>
      <c r="BZ44" s="320"/>
      <c r="CA44" s="320"/>
      <c r="CB44" s="320"/>
      <c r="CC44" s="320"/>
      <c r="CD44" s="320"/>
      <c r="CE44" s="320"/>
      <c r="CF44" s="321"/>
      <c r="CG44" s="322"/>
      <c r="CH44" s="320"/>
      <c r="CI44" s="320"/>
      <c r="CJ44" s="320"/>
      <c r="CK44" s="320"/>
      <c r="CL44" s="320"/>
      <c r="CM44" s="320"/>
      <c r="CN44" s="320"/>
      <c r="CO44" s="320"/>
      <c r="CP44" s="320"/>
      <c r="CQ44" s="320"/>
      <c r="CR44" s="320"/>
      <c r="CS44" s="320"/>
      <c r="CT44" s="320"/>
      <c r="CU44" s="320"/>
      <c r="CV44" s="320"/>
      <c r="CW44" s="320"/>
      <c r="CX44" s="320"/>
      <c r="CY44" s="320"/>
      <c r="CZ44" s="321"/>
    </row>
    <row r="45" spans="1:104" ht="13.5" customHeight="1" x14ac:dyDescent="0.55000000000000004">
      <c r="A45" s="295"/>
      <c r="B45" s="296"/>
      <c r="C45" s="297"/>
      <c r="D45" s="50" t="s">
        <v>332</v>
      </c>
      <c r="E45" s="325"/>
      <c r="F45" s="323"/>
      <c r="G45" s="323"/>
      <c r="H45" s="323"/>
      <c r="I45" s="323"/>
      <c r="J45" s="323"/>
      <c r="K45" s="323"/>
      <c r="L45" s="323"/>
      <c r="M45" s="323"/>
      <c r="N45" s="323"/>
      <c r="O45" s="323"/>
      <c r="P45" s="323"/>
      <c r="Q45" s="323"/>
      <c r="R45" s="323"/>
      <c r="S45" s="323"/>
      <c r="T45" s="323"/>
      <c r="U45" s="323"/>
      <c r="V45" s="323"/>
      <c r="W45" s="323"/>
      <c r="X45" s="324"/>
      <c r="Y45" s="325"/>
      <c r="Z45" s="323"/>
      <c r="AA45" s="323"/>
      <c r="AB45" s="323"/>
      <c r="AC45" s="323"/>
      <c r="AD45" s="323"/>
      <c r="AE45" s="323"/>
      <c r="AF45" s="323"/>
      <c r="AG45" s="323"/>
      <c r="AH45" s="323"/>
      <c r="AI45" s="323"/>
      <c r="AJ45" s="323"/>
      <c r="AK45" s="323"/>
      <c r="AL45" s="323"/>
      <c r="AM45" s="323"/>
      <c r="AN45" s="323"/>
      <c r="AO45" s="323"/>
      <c r="AP45" s="323"/>
      <c r="AQ45" s="323"/>
      <c r="AR45" s="324"/>
      <c r="AS45" s="325"/>
      <c r="AT45" s="323"/>
      <c r="AU45" s="323"/>
      <c r="AV45" s="323"/>
      <c r="AW45" s="323"/>
      <c r="AX45" s="323"/>
      <c r="AY45" s="323"/>
      <c r="AZ45" s="323"/>
      <c r="BA45" s="323"/>
      <c r="BB45" s="323"/>
      <c r="BC45" s="323"/>
      <c r="BD45" s="323"/>
      <c r="BE45" s="323"/>
      <c r="BF45" s="323"/>
      <c r="BG45" s="323"/>
      <c r="BH45" s="323"/>
      <c r="BI45" s="323"/>
      <c r="BJ45" s="323"/>
      <c r="BK45" s="323"/>
      <c r="BL45" s="324"/>
      <c r="BM45" s="325"/>
      <c r="BN45" s="323"/>
      <c r="BO45" s="323"/>
      <c r="BP45" s="323"/>
      <c r="BQ45" s="323"/>
      <c r="BR45" s="323"/>
      <c r="BS45" s="323"/>
      <c r="BT45" s="323"/>
      <c r="BU45" s="323"/>
      <c r="BV45" s="323"/>
      <c r="BW45" s="323"/>
      <c r="BX45" s="323"/>
      <c r="BY45" s="323"/>
      <c r="BZ45" s="323"/>
      <c r="CA45" s="323"/>
      <c r="CB45" s="323"/>
      <c r="CC45" s="323"/>
      <c r="CD45" s="323"/>
      <c r="CE45" s="323"/>
      <c r="CF45" s="324"/>
      <c r="CG45" s="325"/>
      <c r="CH45" s="323"/>
      <c r="CI45" s="323"/>
      <c r="CJ45" s="323"/>
      <c r="CK45" s="323"/>
      <c r="CL45" s="323"/>
      <c r="CM45" s="323"/>
      <c r="CN45" s="323"/>
      <c r="CO45" s="323"/>
      <c r="CP45" s="323"/>
      <c r="CQ45" s="323"/>
      <c r="CR45" s="323"/>
      <c r="CS45" s="323"/>
      <c r="CT45" s="323"/>
      <c r="CU45" s="323"/>
      <c r="CV45" s="323"/>
      <c r="CW45" s="323"/>
      <c r="CX45" s="323"/>
      <c r="CY45" s="323"/>
      <c r="CZ45" s="324"/>
    </row>
    <row r="46" spans="1:104" ht="13.5" customHeight="1" x14ac:dyDescent="0.55000000000000004">
      <c r="A46" s="295"/>
      <c r="B46" s="296"/>
      <c r="C46" s="297"/>
      <c r="D46" s="50" t="s">
        <v>333</v>
      </c>
      <c r="E46" s="325"/>
      <c r="F46" s="323"/>
      <c r="G46" s="323"/>
      <c r="H46" s="323"/>
      <c r="I46" s="323"/>
      <c r="J46" s="323"/>
      <c r="K46" s="323"/>
      <c r="L46" s="323"/>
      <c r="M46" s="323"/>
      <c r="N46" s="323"/>
      <c r="O46" s="323"/>
      <c r="P46" s="323"/>
      <c r="Q46" s="323"/>
      <c r="R46" s="323"/>
      <c r="S46" s="323"/>
      <c r="T46" s="323"/>
      <c r="U46" s="323"/>
      <c r="V46" s="323"/>
      <c r="W46" s="323"/>
      <c r="X46" s="324"/>
      <c r="Y46" s="325"/>
      <c r="Z46" s="323"/>
      <c r="AA46" s="323"/>
      <c r="AB46" s="323"/>
      <c r="AC46" s="323"/>
      <c r="AD46" s="323"/>
      <c r="AE46" s="323"/>
      <c r="AF46" s="323"/>
      <c r="AG46" s="323"/>
      <c r="AH46" s="323"/>
      <c r="AI46" s="323"/>
      <c r="AJ46" s="323"/>
      <c r="AK46" s="323"/>
      <c r="AL46" s="323"/>
      <c r="AM46" s="323"/>
      <c r="AN46" s="323"/>
      <c r="AO46" s="323"/>
      <c r="AP46" s="323"/>
      <c r="AQ46" s="323"/>
      <c r="AR46" s="324"/>
      <c r="AS46" s="325"/>
      <c r="AT46" s="323"/>
      <c r="AU46" s="323"/>
      <c r="AV46" s="323"/>
      <c r="AW46" s="323"/>
      <c r="AX46" s="323"/>
      <c r="AY46" s="323"/>
      <c r="AZ46" s="323"/>
      <c r="BA46" s="323"/>
      <c r="BB46" s="323"/>
      <c r="BC46" s="323"/>
      <c r="BD46" s="323"/>
      <c r="BE46" s="323"/>
      <c r="BF46" s="323"/>
      <c r="BG46" s="323"/>
      <c r="BH46" s="323"/>
      <c r="BI46" s="323"/>
      <c r="BJ46" s="323"/>
      <c r="BK46" s="323"/>
      <c r="BL46" s="324"/>
      <c r="BM46" s="325"/>
      <c r="BN46" s="323"/>
      <c r="BO46" s="323"/>
      <c r="BP46" s="323"/>
      <c r="BQ46" s="323"/>
      <c r="BR46" s="323"/>
      <c r="BS46" s="323"/>
      <c r="BT46" s="323"/>
      <c r="BU46" s="323"/>
      <c r="BV46" s="323"/>
      <c r="BW46" s="323"/>
      <c r="BX46" s="323"/>
      <c r="BY46" s="323"/>
      <c r="BZ46" s="323"/>
      <c r="CA46" s="323"/>
      <c r="CB46" s="323"/>
      <c r="CC46" s="323"/>
      <c r="CD46" s="323"/>
      <c r="CE46" s="323"/>
      <c r="CF46" s="324"/>
      <c r="CG46" s="325"/>
      <c r="CH46" s="323"/>
      <c r="CI46" s="323"/>
      <c r="CJ46" s="323"/>
      <c r="CK46" s="323"/>
      <c r="CL46" s="323"/>
      <c r="CM46" s="323"/>
      <c r="CN46" s="323"/>
      <c r="CO46" s="323"/>
      <c r="CP46" s="323"/>
      <c r="CQ46" s="323"/>
      <c r="CR46" s="323"/>
      <c r="CS46" s="323"/>
      <c r="CT46" s="323"/>
      <c r="CU46" s="323"/>
      <c r="CV46" s="323"/>
      <c r="CW46" s="323"/>
      <c r="CX46" s="323"/>
      <c r="CY46" s="323"/>
      <c r="CZ46" s="324"/>
    </row>
    <row r="47" spans="1:104" ht="14" customHeight="1" x14ac:dyDescent="0.55000000000000004">
      <c r="A47" s="295"/>
      <c r="B47" s="296"/>
      <c r="C47" s="297"/>
      <c r="D47" s="50" t="s">
        <v>334</v>
      </c>
      <c r="E47" s="325"/>
      <c r="F47" s="323"/>
      <c r="G47" s="323"/>
      <c r="H47" s="323"/>
      <c r="I47" s="323"/>
      <c r="J47" s="323"/>
      <c r="K47" s="323"/>
      <c r="L47" s="323"/>
      <c r="M47" s="323"/>
      <c r="N47" s="323"/>
      <c r="O47" s="323"/>
      <c r="P47" s="323"/>
      <c r="Q47" s="323"/>
      <c r="R47" s="323"/>
      <c r="S47" s="323"/>
      <c r="T47" s="323"/>
      <c r="U47" s="323"/>
      <c r="V47" s="323"/>
      <c r="W47" s="323"/>
      <c r="X47" s="324"/>
      <c r="Y47" s="325"/>
      <c r="Z47" s="323"/>
      <c r="AA47" s="323"/>
      <c r="AB47" s="323"/>
      <c r="AC47" s="323"/>
      <c r="AD47" s="323"/>
      <c r="AE47" s="323"/>
      <c r="AF47" s="323"/>
      <c r="AG47" s="323"/>
      <c r="AH47" s="323"/>
      <c r="AI47" s="323"/>
      <c r="AJ47" s="323"/>
      <c r="AK47" s="323"/>
      <c r="AL47" s="323"/>
      <c r="AM47" s="323"/>
      <c r="AN47" s="323"/>
      <c r="AO47" s="323"/>
      <c r="AP47" s="323"/>
      <c r="AQ47" s="323"/>
      <c r="AR47" s="324"/>
      <c r="AS47" s="325"/>
      <c r="AT47" s="323"/>
      <c r="AU47" s="323"/>
      <c r="AV47" s="323"/>
      <c r="AW47" s="323"/>
      <c r="AX47" s="323"/>
      <c r="AY47" s="323"/>
      <c r="AZ47" s="323"/>
      <c r="BA47" s="323"/>
      <c r="BB47" s="323"/>
      <c r="BC47" s="323"/>
      <c r="BD47" s="323"/>
      <c r="BE47" s="323"/>
      <c r="BF47" s="323"/>
      <c r="BG47" s="323"/>
      <c r="BH47" s="323"/>
      <c r="BI47" s="323"/>
      <c r="BJ47" s="323"/>
      <c r="BK47" s="323"/>
      <c r="BL47" s="324"/>
      <c r="BM47" s="325"/>
      <c r="BN47" s="323"/>
      <c r="BO47" s="323"/>
      <c r="BP47" s="323"/>
      <c r="BQ47" s="323"/>
      <c r="BR47" s="323"/>
      <c r="BS47" s="323"/>
      <c r="BT47" s="323"/>
      <c r="BU47" s="323"/>
      <c r="BV47" s="323"/>
      <c r="BW47" s="323"/>
      <c r="BX47" s="323"/>
      <c r="BY47" s="323"/>
      <c r="BZ47" s="323"/>
      <c r="CA47" s="323"/>
      <c r="CB47" s="323"/>
      <c r="CC47" s="323"/>
      <c r="CD47" s="323"/>
      <c r="CE47" s="323"/>
      <c r="CF47" s="324"/>
      <c r="CG47" s="325"/>
      <c r="CH47" s="323"/>
      <c r="CI47" s="323"/>
      <c r="CJ47" s="323"/>
      <c r="CK47" s="323"/>
      <c r="CL47" s="323"/>
      <c r="CM47" s="323"/>
      <c r="CN47" s="323"/>
      <c r="CO47" s="323"/>
      <c r="CP47" s="323"/>
      <c r="CQ47" s="323"/>
      <c r="CR47" s="323"/>
      <c r="CS47" s="323"/>
      <c r="CT47" s="323"/>
      <c r="CU47" s="323"/>
      <c r="CV47" s="323"/>
      <c r="CW47" s="323"/>
      <c r="CX47" s="323"/>
      <c r="CY47" s="323"/>
      <c r="CZ47" s="324"/>
    </row>
    <row r="48" spans="1:104" ht="26" x14ac:dyDescent="0.55000000000000004">
      <c r="A48" s="295"/>
      <c r="B48" s="296"/>
      <c r="C48" s="297"/>
      <c r="D48" s="50" t="s">
        <v>335</v>
      </c>
      <c r="E48" s="325"/>
      <c r="F48" s="323"/>
      <c r="G48" s="323"/>
      <c r="H48" s="323"/>
      <c r="I48" s="323"/>
      <c r="J48" s="323"/>
      <c r="K48" s="323"/>
      <c r="L48" s="323"/>
      <c r="M48" s="323"/>
      <c r="N48" s="323"/>
      <c r="O48" s="323"/>
      <c r="P48" s="323"/>
      <c r="Q48" s="323"/>
      <c r="R48" s="323"/>
      <c r="S48" s="323"/>
      <c r="T48" s="323"/>
      <c r="U48" s="323"/>
      <c r="V48" s="323"/>
      <c r="W48" s="323"/>
      <c r="X48" s="324"/>
      <c r="Y48" s="325"/>
      <c r="Z48" s="323"/>
      <c r="AA48" s="323"/>
      <c r="AB48" s="323"/>
      <c r="AC48" s="323"/>
      <c r="AD48" s="323"/>
      <c r="AE48" s="323"/>
      <c r="AF48" s="323"/>
      <c r="AG48" s="323"/>
      <c r="AH48" s="323"/>
      <c r="AI48" s="323"/>
      <c r="AJ48" s="323"/>
      <c r="AK48" s="323"/>
      <c r="AL48" s="323"/>
      <c r="AM48" s="323"/>
      <c r="AN48" s="323"/>
      <c r="AO48" s="323"/>
      <c r="AP48" s="323"/>
      <c r="AQ48" s="323"/>
      <c r="AR48" s="324"/>
      <c r="AS48" s="325"/>
      <c r="AT48" s="323"/>
      <c r="AU48" s="323"/>
      <c r="AV48" s="323"/>
      <c r="AW48" s="323"/>
      <c r="AX48" s="323"/>
      <c r="AY48" s="323"/>
      <c r="AZ48" s="323"/>
      <c r="BA48" s="323"/>
      <c r="BB48" s="323"/>
      <c r="BC48" s="323"/>
      <c r="BD48" s="323"/>
      <c r="BE48" s="323"/>
      <c r="BF48" s="323"/>
      <c r="BG48" s="323"/>
      <c r="BH48" s="323"/>
      <c r="BI48" s="323"/>
      <c r="BJ48" s="323"/>
      <c r="BK48" s="323"/>
      <c r="BL48" s="324"/>
      <c r="BM48" s="325"/>
      <c r="BN48" s="323"/>
      <c r="BO48" s="323"/>
      <c r="BP48" s="323"/>
      <c r="BQ48" s="323"/>
      <c r="BR48" s="323"/>
      <c r="BS48" s="323"/>
      <c r="BT48" s="323"/>
      <c r="BU48" s="323"/>
      <c r="BV48" s="323"/>
      <c r="BW48" s="323"/>
      <c r="BX48" s="323"/>
      <c r="BY48" s="323"/>
      <c r="BZ48" s="323"/>
      <c r="CA48" s="323"/>
      <c r="CB48" s="323"/>
      <c r="CC48" s="323"/>
      <c r="CD48" s="323"/>
      <c r="CE48" s="323"/>
      <c r="CF48" s="324"/>
      <c r="CG48" s="325"/>
      <c r="CH48" s="323"/>
      <c r="CI48" s="323"/>
      <c r="CJ48" s="323"/>
      <c r="CK48" s="323"/>
      <c r="CL48" s="323"/>
      <c r="CM48" s="323"/>
      <c r="CN48" s="323"/>
      <c r="CO48" s="323"/>
      <c r="CP48" s="323"/>
      <c r="CQ48" s="323"/>
      <c r="CR48" s="323"/>
      <c r="CS48" s="323"/>
      <c r="CT48" s="323"/>
      <c r="CU48" s="323"/>
      <c r="CV48" s="323"/>
      <c r="CW48" s="323"/>
      <c r="CX48" s="323"/>
      <c r="CY48" s="323"/>
      <c r="CZ48" s="324"/>
    </row>
    <row r="49" spans="1:104" ht="14.5" customHeight="1" thickBot="1" x14ac:dyDescent="0.6">
      <c r="A49" s="298"/>
      <c r="B49" s="299"/>
      <c r="C49" s="300"/>
      <c r="D49" s="53" t="s">
        <v>336</v>
      </c>
      <c r="E49" s="338"/>
      <c r="F49" s="335"/>
      <c r="G49" s="335"/>
      <c r="H49" s="335"/>
      <c r="I49" s="335"/>
      <c r="J49" s="335"/>
      <c r="K49" s="335"/>
      <c r="L49" s="335"/>
      <c r="M49" s="335"/>
      <c r="N49" s="335"/>
      <c r="O49" s="335"/>
      <c r="P49" s="335"/>
      <c r="Q49" s="335"/>
      <c r="R49" s="335"/>
      <c r="S49" s="335"/>
      <c r="T49" s="335"/>
      <c r="U49" s="335"/>
      <c r="V49" s="335"/>
      <c r="W49" s="335"/>
      <c r="X49" s="336"/>
      <c r="Y49" s="337"/>
      <c r="Z49" s="335"/>
      <c r="AA49" s="335"/>
      <c r="AB49" s="335"/>
      <c r="AC49" s="335"/>
      <c r="AD49" s="335"/>
      <c r="AE49" s="335"/>
      <c r="AF49" s="335"/>
      <c r="AG49" s="335"/>
      <c r="AH49" s="335"/>
      <c r="AI49" s="335"/>
      <c r="AJ49" s="335"/>
      <c r="AK49" s="335"/>
      <c r="AL49" s="335"/>
      <c r="AM49" s="335"/>
      <c r="AN49" s="335"/>
      <c r="AO49" s="335"/>
      <c r="AP49" s="335"/>
      <c r="AQ49" s="335"/>
      <c r="AR49" s="336"/>
      <c r="AS49" s="337"/>
      <c r="AT49" s="335"/>
      <c r="AU49" s="335"/>
      <c r="AV49" s="335"/>
      <c r="AW49" s="335"/>
      <c r="AX49" s="335"/>
      <c r="AY49" s="335"/>
      <c r="AZ49" s="335"/>
      <c r="BA49" s="335"/>
      <c r="BB49" s="335"/>
      <c r="BC49" s="335"/>
      <c r="BD49" s="335"/>
      <c r="BE49" s="335"/>
      <c r="BF49" s="335"/>
      <c r="BG49" s="335"/>
      <c r="BH49" s="335"/>
      <c r="BI49" s="335"/>
      <c r="BJ49" s="335"/>
      <c r="BK49" s="335"/>
      <c r="BL49" s="336"/>
      <c r="BM49" s="337"/>
      <c r="BN49" s="335"/>
      <c r="BO49" s="335"/>
      <c r="BP49" s="335"/>
      <c r="BQ49" s="335"/>
      <c r="BR49" s="335"/>
      <c r="BS49" s="335"/>
      <c r="BT49" s="335"/>
      <c r="BU49" s="335"/>
      <c r="BV49" s="335"/>
      <c r="BW49" s="335"/>
      <c r="BX49" s="335"/>
      <c r="BY49" s="335"/>
      <c r="BZ49" s="335"/>
      <c r="CA49" s="335"/>
      <c r="CB49" s="335"/>
      <c r="CC49" s="335"/>
      <c r="CD49" s="335"/>
      <c r="CE49" s="335"/>
      <c r="CF49" s="336"/>
      <c r="CG49" s="337"/>
      <c r="CH49" s="335"/>
      <c r="CI49" s="335"/>
      <c r="CJ49" s="335"/>
      <c r="CK49" s="335"/>
      <c r="CL49" s="335"/>
      <c r="CM49" s="335"/>
      <c r="CN49" s="335"/>
      <c r="CO49" s="335"/>
      <c r="CP49" s="339"/>
      <c r="CQ49" s="339"/>
      <c r="CR49" s="339"/>
      <c r="CS49" s="339"/>
      <c r="CT49" s="339"/>
      <c r="CU49" s="339"/>
      <c r="CV49" s="339"/>
      <c r="CW49" s="339"/>
      <c r="CX49" s="339"/>
      <c r="CY49" s="335"/>
      <c r="CZ49" s="336"/>
    </row>
    <row r="50" spans="1:104" x14ac:dyDescent="0.55000000000000004">
      <c r="C50" s="202"/>
      <c r="CP50" s="214"/>
      <c r="CQ50" s="214"/>
      <c r="CR50" s="214"/>
      <c r="CS50" s="214"/>
      <c r="CT50" s="214"/>
      <c r="CU50" s="214"/>
      <c r="CV50" s="214"/>
      <c r="CW50" s="214"/>
      <c r="CX50" s="214"/>
      <c r="CY50" s="214"/>
      <c r="CZ50" s="214"/>
    </row>
    <row r="51" spans="1:104" ht="18" customHeight="1" x14ac:dyDescent="0.55000000000000004">
      <c r="C51" s="203"/>
      <c r="E51" s="215"/>
      <c r="F51" s="215"/>
      <c r="G51" s="215"/>
      <c r="H51" s="215"/>
      <c r="I51" s="215"/>
      <c r="J51" s="215"/>
      <c r="K51" s="215"/>
      <c r="L51" s="215"/>
      <c r="M51" s="215"/>
      <c r="N51" s="215"/>
      <c r="O51" s="215"/>
      <c r="P51" s="215"/>
      <c r="Q51" s="215"/>
      <c r="R51" s="215"/>
      <c r="S51" s="215"/>
      <c r="T51" s="215"/>
      <c r="U51" s="215"/>
      <c r="V51" s="215"/>
      <c r="W51" s="215"/>
      <c r="X51" s="215"/>
      <c r="Y51" s="215"/>
      <c r="Z51" s="215"/>
      <c r="AA51" s="215"/>
      <c r="AB51" s="215"/>
      <c r="AC51" s="215"/>
      <c r="AD51" s="215"/>
      <c r="AE51" s="215"/>
      <c r="AF51" s="215"/>
      <c r="AG51" s="215"/>
      <c r="AH51" s="215"/>
      <c r="AI51" s="215"/>
      <c r="AJ51" s="215"/>
      <c r="AK51" s="215"/>
      <c r="AL51" s="215"/>
      <c r="AM51" s="215"/>
      <c r="AN51" s="215"/>
      <c r="AO51" s="215"/>
      <c r="AP51" s="215"/>
      <c r="AQ51" s="215"/>
      <c r="AR51" s="215"/>
      <c r="AS51" s="215"/>
      <c r="AT51" s="215"/>
      <c r="AU51" s="215"/>
      <c r="AV51" s="215"/>
      <c r="AW51" s="215"/>
      <c r="AX51" s="215"/>
      <c r="AY51" s="215"/>
      <c r="AZ51" s="215"/>
      <c r="BA51" s="215"/>
      <c r="BB51" s="215"/>
      <c r="BC51" s="215"/>
      <c r="BD51" s="215"/>
      <c r="BE51" s="215"/>
      <c r="BF51" s="215"/>
      <c r="BG51" s="215"/>
      <c r="BH51" s="215"/>
      <c r="BI51" s="215"/>
      <c r="BJ51" s="215"/>
      <c r="BK51" s="215"/>
      <c r="BL51" s="215"/>
      <c r="BM51" s="215"/>
      <c r="BN51" s="215"/>
      <c r="BO51" s="215"/>
      <c r="BP51" s="215"/>
      <c r="BQ51" s="215"/>
      <c r="BR51" s="215"/>
      <c r="BS51" s="215"/>
      <c r="BT51" s="215"/>
      <c r="BU51" s="215"/>
      <c r="BV51" s="215"/>
      <c r="BW51" s="215"/>
      <c r="BX51" s="215"/>
      <c r="BY51" s="215"/>
      <c r="BZ51" s="215"/>
      <c r="CA51" s="215"/>
      <c r="CB51" s="215"/>
      <c r="CC51" s="215"/>
      <c r="CD51" s="215"/>
      <c r="CE51" s="215"/>
      <c r="CF51" s="215"/>
      <c r="CG51" s="215"/>
      <c r="CH51" s="215"/>
      <c r="CI51" s="215"/>
      <c r="CJ51" s="215"/>
      <c r="CK51" s="215"/>
      <c r="CL51" s="215"/>
      <c r="CM51" s="215"/>
      <c r="CN51" s="215"/>
      <c r="CO51" s="215"/>
      <c r="CP51" s="215"/>
      <c r="CQ51" s="215"/>
      <c r="CR51" s="215"/>
      <c r="CS51" s="215"/>
      <c r="CT51" s="215"/>
      <c r="CU51" s="215"/>
      <c r="CV51" s="215"/>
      <c r="CW51" s="215"/>
      <c r="CX51" s="215"/>
      <c r="CY51" s="215"/>
      <c r="CZ51" s="215"/>
    </row>
    <row r="52" spans="1:104" x14ac:dyDescent="0.55000000000000004">
      <c r="C52" s="203"/>
      <c r="E52" s="215"/>
      <c r="F52" s="215"/>
      <c r="G52" s="215"/>
      <c r="H52" s="215"/>
      <c r="I52" s="215"/>
      <c r="J52" s="215"/>
      <c r="K52" s="215"/>
      <c r="L52" s="215"/>
      <c r="M52" s="215"/>
      <c r="N52" s="215"/>
      <c r="O52" s="215"/>
      <c r="P52" s="215"/>
      <c r="Q52" s="215"/>
      <c r="R52" s="215"/>
      <c r="S52" s="215"/>
      <c r="T52" s="215"/>
      <c r="U52" s="215"/>
      <c r="V52" s="215"/>
      <c r="W52" s="215"/>
      <c r="X52" s="215"/>
      <c r="Y52" s="215"/>
      <c r="Z52" s="215"/>
      <c r="AA52" s="215"/>
      <c r="AB52" s="215"/>
      <c r="AC52" s="215"/>
      <c r="AD52" s="215"/>
      <c r="AE52" s="215"/>
      <c r="AF52" s="215"/>
      <c r="AG52" s="215"/>
      <c r="AH52" s="215"/>
      <c r="AI52" s="215"/>
      <c r="AJ52" s="215"/>
      <c r="AK52" s="215"/>
      <c r="AL52" s="215"/>
      <c r="AM52" s="215"/>
      <c r="AN52" s="215"/>
      <c r="AO52" s="215"/>
      <c r="AP52" s="215"/>
      <c r="AQ52" s="215"/>
      <c r="AR52" s="215"/>
      <c r="AS52" s="215"/>
      <c r="AT52" s="215"/>
      <c r="AU52" s="215"/>
      <c r="AV52" s="215"/>
      <c r="AW52" s="215"/>
      <c r="AX52" s="215"/>
      <c r="AY52" s="215"/>
      <c r="AZ52" s="215"/>
      <c r="BA52" s="215"/>
      <c r="BB52" s="215"/>
      <c r="BC52" s="215"/>
      <c r="BD52" s="215"/>
      <c r="BE52" s="215"/>
      <c r="BF52" s="215"/>
      <c r="BG52" s="215"/>
      <c r="BH52" s="215"/>
      <c r="BI52" s="215"/>
      <c r="BJ52" s="215"/>
      <c r="BK52" s="215"/>
      <c r="BL52" s="215"/>
      <c r="BM52" s="215"/>
      <c r="BN52" s="215"/>
      <c r="BO52" s="215"/>
      <c r="BP52" s="215"/>
      <c r="BQ52" s="215"/>
      <c r="BR52" s="215"/>
      <c r="BS52" s="215"/>
      <c r="BT52" s="215"/>
      <c r="BU52" s="215"/>
      <c r="BV52" s="215"/>
      <c r="BW52" s="215"/>
      <c r="BX52" s="215"/>
      <c r="BY52" s="215"/>
      <c r="BZ52" s="215"/>
      <c r="CA52" s="215"/>
      <c r="CB52" s="215"/>
      <c r="CC52" s="215"/>
      <c r="CD52" s="215"/>
      <c r="CE52" s="215"/>
      <c r="CF52" s="215"/>
      <c r="CG52" s="215"/>
      <c r="CH52" s="215"/>
      <c r="CI52" s="215"/>
      <c r="CJ52" s="215"/>
      <c r="CK52" s="215"/>
      <c r="CL52" s="215"/>
      <c r="CM52" s="215"/>
      <c r="CN52" s="215"/>
      <c r="CO52" s="215"/>
      <c r="CP52" s="215"/>
      <c r="CQ52" s="215"/>
      <c r="CR52" s="215"/>
      <c r="CS52" s="215"/>
      <c r="CT52" s="215"/>
      <c r="CU52" s="215"/>
      <c r="CV52" s="215"/>
      <c r="CW52" s="215"/>
      <c r="CX52" s="215"/>
      <c r="CY52" s="215"/>
      <c r="CZ52" s="215"/>
    </row>
    <row r="53" spans="1:104" x14ac:dyDescent="0.55000000000000004">
      <c r="C53" s="203"/>
      <c r="E53" s="215"/>
      <c r="F53" s="215"/>
      <c r="G53" s="215"/>
      <c r="H53" s="215"/>
      <c r="I53" s="215"/>
      <c r="J53" s="215"/>
      <c r="K53" s="215"/>
      <c r="L53" s="215"/>
      <c r="M53" s="215"/>
      <c r="N53" s="215"/>
      <c r="O53" s="215"/>
      <c r="P53" s="215"/>
      <c r="Q53" s="215"/>
      <c r="R53" s="215"/>
      <c r="S53" s="215"/>
      <c r="T53" s="215"/>
      <c r="U53" s="215"/>
      <c r="V53" s="215"/>
      <c r="W53" s="215"/>
      <c r="X53" s="215"/>
      <c r="Y53" s="215"/>
      <c r="Z53" s="215"/>
      <c r="AA53" s="215"/>
      <c r="AB53" s="215"/>
      <c r="AC53" s="215"/>
      <c r="AD53" s="215"/>
      <c r="AE53" s="215"/>
      <c r="AF53" s="215"/>
      <c r="AG53" s="215"/>
      <c r="AH53" s="215"/>
      <c r="AI53" s="215"/>
      <c r="AJ53" s="215"/>
      <c r="AK53" s="215"/>
      <c r="AL53" s="215"/>
      <c r="AM53" s="215"/>
      <c r="AN53" s="215"/>
      <c r="AO53" s="215"/>
      <c r="AP53" s="215"/>
      <c r="AQ53" s="215"/>
      <c r="AR53" s="215"/>
      <c r="AS53" s="215"/>
      <c r="AT53" s="215"/>
      <c r="AU53" s="215"/>
      <c r="AV53" s="215"/>
      <c r="AW53" s="215"/>
      <c r="AX53" s="215"/>
      <c r="AY53" s="215"/>
      <c r="AZ53" s="215"/>
      <c r="BA53" s="215"/>
      <c r="BB53" s="215"/>
      <c r="BC53" s="215"/>
      <c r="BD53" s="215"/>
      <c r="BE53" s="215"/>
      <c r="BF53" s="215"/>
      <c r="BG53" s="215"/>
      <c r="BH53" s="215"/>
      <c r="BI53" s="215"/>
      <c r="BJ53" s="215"/>
      <c r="BK53" s="215"/>
      <c r="BL53" s="215"/>
      <c r="BM53" s="215"/>
      <c r="BN53" s="215"/>
      <c r="BO53" s="215"/>
      <c r="BP53" s="215"/>
      <c r="BQ53" s="215"/>
      <c r="BR53" s="215"/>
      <c r="BS53" s="215"/>
      <c r="BT53" s="215"/>
      <c r="BU53" s="215"/>
      <c r="BV53" s="215"/>
      <c r="BW53" s="215"/>
      <c r="BX53" s="215"/>
      <c r="BY53" s="215"/>
      <c r="BZ53" s="215"/>
      <c r="CA53" s="215"/>
      <c r="CB53" s="215"/>
      <c r="CC53" s="215"/>
      <c r="CD53" s="215"/>
      <c r="CE53" s="215"/>
      <c r="CF53" s="215"/>
      <c r="CG53" s="215"/>
      <c r="CH53" s="215"/>
      <c r="CI53" s="215"/>
      <c r="CJ53" s="215"/>
      <c r="CK53" s="215"/>
      <c r="CL53" s="215"/>
      <c r="CM53" s="215"/>
      <c r="CN53" s="215"/>
      <c r="CO53" s="215"/>
      <c r="CP53" s="215"/>
      <c r="CQ53" s="215"/>
      <c r="CR53" s="215"/>
      <c r="CS53" s="215"/>
      <c r="CT53" s="215"/>
      <c r="CU53" s="215"/>
      <c r="CV53" s="215"/>
      <c r="CW53" s="215"/>
      <c r="CX53" s="215"/>
      <c r="CY53" s="215"/>
      <c r="CZ53" s="215"/>
    </row>
    <row r="54" spans="1:104" ht="18" customHeight="1" x14ac:dyDescent="0.55000000000000004">
      <c r="C54" s="203"/>
      <c r="E54" s="215"/>
      <c r="F54" s="215"/>
      <c r="G54" s="215"/>
      <c r="H54" s="215"/>
      <c r="I54" s="215"/>
      <c r="J54" s="215"/>
      <c r="K54" s="215"/>
      <c r="L54" s="215"/>
      <c r="M54" s="215"/>
      <c r="N54" s="215"/>
      <c r="O54" s="215"/>
      <c r="P54" s="215"/>
      <c r="Q54" s="215"/>
      <c r="R54" s="215"/>
      <c r="S54" s="215"/>
      <c r="T54" s="215"/>
      <c r="U54" s="215"/>
      <c r="V54" s="215"/>
      <c r="W54" s="215"/>
      <c r="X54" s="215"/>
      <c r="Y54" s="215"/>
      <c r="Z54" s="215"/>
      <c r="AA54" s="215"/>
      <c r="AB54" s="215"/>
      <c r="AC54" s="215"/>
      <c r="AD54" s="215"/>
      <c r="AE54" s="215"/>
      <c r="AF54" s="215"/>
      <c r="AG54" s="215"/>
      <c r="AH54" s="215"/>
      <c r="AI54" s="215"/>
      <c r="AJ54" s="215"/>
      <c r="AK54" s="215"/>
      <c r="AL54" s="215"/>
      <c r="AM54" s="215"/>
      <c r="AN54" s="215"/>
      <c r="AO54" s="215"/>
      <c r="AP54" s="215"/>
      <c r="AQ54" s="215"/>
      <c r="AR54" s="215"/>
      <c r="AS54" s="215"/>
      <c r="AT54" s="215"/>
      <c r="AU54" s="215"/>
      <c r="AV54" s="215"/>
      <c r="AW54" s="215"/>
      <c r="AX54" s="215"/>
      <c r="AY54" s="215"/>
      <c r="AZ54" s="215"/>
      <c r="BA54" s="215"/>
      <c r="BB54" s="215"/>
      <c r="BC54" s="215"/>
      <c r="BD54" s="215"/>
      <c r="BE54" s="215"/>
      <c r="BF54" s="215"/>
      <c r="BG54" s="215"/>
      <c r="BH54" s="215"/>
      <c r="BI54" s="215"/>
      <c r="BJ54" s="215"/>
      <c r="BK54" s="215"/>
      <c r="BL54" s="215"/>
      <c r="BM54" s="215"/>
      <c r="BN54" s="215"/>
      <c r="BO54" s="215"/>
      <c r="BP54" s="215"/>
      <c r="BQ54" s="215"/>
      <c r="BR54" s="215"/>
      <c r="BS54" s="215"/>
      <c r="BT54" s="215"/>
      <c r="BU54" s="215"/>
      <c r="BV54" s="215"/>
      <c r="BW54" s="215"/>
      <c r="BX54" s="215"/>
      <c r="BY54" s="215"/>
      <c r="BZ54" s="215"/>
      <c r="CA54" s="215"/>
      <c r="CB54" s="215"/>
      <c r="CC54" s="215"/>
      <c r="CD54" s="215"/>
      <c r="CE54" s="215"/>
      <c r="CF54" s="215"/>
      <c r="CG54" s="215"/>
      <c r="CH54" s="215"/>
      <c r="CI54" s="215"/>
      <c r="CJ54" s="215"/>
      <c r="CK54" s="215"/>
      <c r="CL54" s="215"/>
      <c r="CM54" s="215"/>
      <c r="CN54" s="215"/>
      <c r="CO54" s="215"/>
      <c r="CP54" s="215"/>
      <c r="CQ54" s="215"/>
      <c r="CR54" s="215"/>
      <c r="CS54" s="215"/>
      <c r="CT54" s="215"/>
      <c r="CU54" s="215"/>
      <c r="CV54" s="215"/>
      <c r="CW54" s="215"/>
      <c r="CX54" s="215"/>
      <c r="CY54" s="215"/>
      <c r="CZ54" s="215"/>
    </row>
    <row r="55" spans="1:104" ht="18" customHeight="1" x14ac:dyDescent="0.55000000000000004">
      <c r="C55" s="203"/>
      <c r="E55" s="215"/>
      <c r="F55" s="215"/>
      <c r="G55" s="215"/>
      <c r="H55" s="215"/>
      <c r="I55" s="215"/>
      <c r="J55" s="215"/>
      <c r="K55" s="215"/>
      <c r="L55" s="215"/>
      <c r="M55" s="215"/>
      <c r="N55" s="215"/>
      <c r="O55" s="215"/>
      <c r="P55" s="215"/>
      <c r="Q55" s="215"/>
      <c r="R55" s="215"/>
      <c r="S55" s="215"/>
      <c r="T55" s="215"/>
      <c r="U55" s="215"/>
      <c r="V55" s="215"/>
      <c r="W55" s="215"/>
      <c r="X55" s="215"/>
      <c r="Y55" s="215"/>
      <c r="Z55" s="215"/>
      <c r="AA55" s="215"/>
      <c r="AB55" s="215"/>
      <c r="AC55" s="215"/>
      <c r="AD55" s="215"/>
      <c r="AE55" s="215"/>
      <c r="AF55" s="215"/>
      <c r="AG55" s="215"/>
      <c r="AH55" s="215"/>
      <c r="AI55" s="215"/>
      <c r="AJ55" s="215"/>
      <c r="AK55" s="215"/>
      <c r="AL55" s="215"/>
      <c r="AM55" s="215"/>
      <c r="AN55" s="215"/>
      <c r="AO55" s="215"/>
      <c r="AP55" s="215"/>
      <c r="AQ55" s="215"/>
      <c r="AR55" s="215"/>
      <c r="AS55" s="215"/>
      <c r="AT55" s="215"/>
      <c r="AU55" s="215"/>
      <c r="AV55" s="215"/>
      <c r="AW55" s="215"/>
      <c r="AX55" s="215"/>
      <c r="AY55" s="215"/>
      <c r="AZ55" s="215"/>
      <c r="BA55" s="215"/>
      <c r="BB55" s="215"/>
      <c r="BC55" s="215"/>
      <c r="BD55" s="215"/>
      <c r="BE55" s="215"/>
      <c r="BF55" s="215"/>
      <c r="BG55" s="215"/>
      <c r="BH55" s="215"/>
      <c r="BI55" s="215"/>
      <c r="BJ55" s="215"/>
      <c r="BK55" s="215"/>
      <c r="BL55" s="215"/>
      <c r="BM55" s="215"/>
      <c r="BN55" s="215"/>
      <c r="BO55" s="215"/>
      <c r="BP55" s="215"/>
      <c r="BQ55" s="215"/>
      <c r="BR55" s="215"/>
      <c r="BS55" s="215"/>
      <c r="BT55" s="215"/>
      <c r="BU55" s="215"/>
      <c r="BV55" s="215"/>
      <c r="BW55" s="215"/>
      <c r="BX55" s="215"/>
      <c r="BY55" s="215"/>
      <c r="BZ55" s="215"/>
      <c r="CA55" s="215"/>
      <c r="CB55" s="215"/>
      <c r="CC55" s="215"/>
      <c r="CD55" s="215"/>
      <c r="CE55" s="215"/>
      <c r="CF55" s="215"/>
      <c r="CG55" s="215"/>
      <c r="CH55" s="215"/>
      <c r="CI55" s="215"/>
      <c r="CJ55" s="215"/>
      <c r="CK55" s="215"/>
      <c r="CL55" s="215"/>
      <c r="CM55" s="215"/>
      <c r="CN55" s="215"/>
      <c r="CO55" s="215"/>
      <c r="CP55" s="215"/>
      <c r="CQ55" s="215"/>
      <c r="CR55" s="215"/>
      <c r="CS55" s="215"/>
      <c r="CT55" s="215"/>
      <c r="CU55" s="215"/>
      <c r="CV55" s="215"/>
      <c r="CW55" s="215"/>
      <c r="CX55" s="215"/>
      <c r="CY55" s="215"/>
      <c r="CZ55" s="215"/>
    </row>
    <row r="56" spans="1:104" ht="18" customHeight="1" x14ac:dyDescent="0.55000000000000004">
      <c r="C56" s="203"/>
      <c r="E56" s="215"/>
      <c r="F56" s="215"/>
      <c r="G56" s="215"/>
      <c r="H56" s="215"/>
      <c r="I56" s="215"/>
      <c r="J56" s="215"/>
      <c r="K56" s="215"/>
      <c r="L56" s="215"/>
      <c r="M56" s="215"/>
      <c r="N56" s="215"/>
      <c r="O56" s="215"/>
      <c r="P56" s="215"/>
      <c r="Q56" s="215"/>
      <c r="R56" s="215"/>
      <c r="S56" s="215"/>
      <c r="T56" s="215"/>
      <c r="U56" s="215"/>
      <c r="V56" s="215"/>
      <c r="W56" s="215"/>
      <c r="X56" s="215"/>
      <c r="Y56" s="215"/>
      <c r="Z56" s="215"/>
      <c r="AA56" s="215"/>
      <c r="AB56" s="215"/>
      <c r="AC56" s="215"/>
      <c r="AD56" s="215"/>
      <c r="AE56" s="215"/>
      <c r="AF56" s="215"/>
      <c r="AG56" s="215"/>
      <c r="AH56" s="215"/>
      <c r="AI56" s="215"/>
      <c r="AJ56" s="215"/>
      <c r="AK56" s="215"/>
      <c r="AL56" s="215"/>
      <c r="AM56" s="215"/>
      <c r="AN56" s="215"/>
      <c r="AO56" s="215"/>
      <c r="AP56" s="215"/>
      <c r="AQ56" s="215"/>
      <c r="AR56" s="215"/>
      <c r="AS56" s="215"/>
      <c r="AT56" s="215"/>
      <c r="AU56" s="215"/>
      <c r="AV56" s="215"/>
      <c r="AW56" s="215"/>
      <c r="AX56" s="215"/>
      <c r="AY56" s="215"/>
      <c r="AZ56" s="215"/>
      <c r="BA56" s="215"/>
      <c r="BB56" s="215"/>
      <c r="BC56" s="215"/>
      <c r="BD56" s="215"/>
      <c r="BE56" s="215"/>
      <c r="BF56" s="215"/>
      <c r="BG56" s="215"/>
      <c r="BH56" s="215"/>
      <c r="BI56" s="215"/>
      <c r="BJ56" s="215"/>
      <c r="BK56" s="215"/>
      <c r="BL56" s="215"/>
      <c r="BM56" s="215"/>
      <c r="BN56" s="215"/>
      <c r="BO56" s="215"/>
      <c r="BP56" s="215"/>
      <c r="BQ56" s="215"/>
      <c r="BR56" s="215"/>
      <c r="BS56" s="215"/>
      <c r="BT56" s="215"/>
      <c r="BU56" s="215"/>
      <c r="BV56" s="215"/>
      <c r="BW56" s="215"/>
      <c r="BX56" s="215"/>
      <c r="BY56" s="215"/>
      <c r="BZ56" s="215"/>
      <c r="CA56" s="215"/>
      <c r="CB56" s="215"/>
      <c r="CC56" s="215"/>
      <c r="CD56" s="215"/>
      <c r="CE56" s="215"/>
      <c r="CF56" s="215"/>
      <c r="CG56" s="215"/>
      <c r="CH56" s="215"/>
      <c r="CI56" s="215"/>
      <c r="CJ56" s="215"/>
      <c r="CK56" s="215"/>
      <c r="CL56" s="215"/>
      <c r="CM56" s="215"/>
      <c r="CN56" s="215"/>
      <c r="CO56" s="215"/>
      <c r="CP56" s="215"/>
      <c r="CQ56" s="215"/>
      <c r="CR56" s="215"/>
      <c r="CS56" s="215"/>
      <c r="CT56" s="215"/>
      <c r="CU56" s="215"/>
      <c r="CV56" s="215"/>
      <c r="CW56" s="215"/>
      <c r="CX56" s="215"/>
      <c r="CY56" s="215"/>
      <c r="CZ56" s="215"/>
    </row>
    <row r="57" spans="1:104" ht="18" customHeight="1" x14ac:dyDescent="0.55000000000000004">
      <c r="C57" s="203"/>
      <c r="E57" s="215"/>
      <c r="F57" s="215"/>
      <c r="G57" s="215"/>
      <c r="H57" s="215"/>
      <c r="I57" s="215"/>
      <c r="J57" s="215"/>
      <c r="K57" s="215"/>
      <c r="L57" s="215"/>
      <c r="M57" s="215"/>
      <c r="N57" s="215"/>
      <c r="O57" s="215"/>
      <c r="P57" s="215"/>
      <c r="Q57" s="215"/>
      <c r="R57" s="215"/>
      <c r="S57" s="215"/>
      <c r="T57" s="215"/>
      <c r="U57" s="215"/>
      <c r="V57" s="215"/>
      <c r="W57" s="215"/>
      <c r="X57" s="215"/>
      <c r="Y57" s="215"/>
      <c r="Z57" s="215"/>
      <c r="AA57" s="215"/>
      <c r="AB57" s="215"/>
      <c r="AC57" s="215"/>
      <c r="AD57" s="215"/>
      <c r="AE57" s="215"/>
      <c r="AF57" s="215"/>
      <c r="AG57" s="215"/>
      <c r="AH57" s="215"/>
      <c r="AI57" s="215"/>
      <c r="AJ57" s="215"/>
      <c r="AK57" s="215"/>
      <c r="AL57" s="215"/>
      <c r="AM57" s="215"/>
      <c r="AN57" s="215"/>
      <c r="AO57" s="215"/>
      <c r="AP57" s="215"/>
      <c r="AQ57" s="215"/>
      <c r="AR57" s="215"/>
      <c r="AS57" s="215"/>
      <c r="AT57" s="215"/>
      <c r="AU57" s="215"/>
      <c r="AV57" s="215"/>
      <c r="AW57" s="215"/>
      <c r="AX57" s="215"/>
      <c r="AY57" s="215"/>
      <c r="AZ57" s="215"/>
      <c r="BA57" s="215"/>
      <c r="BB57" s="215"/>
      <c r="BC57" s="215"/>
      <c r="BD57" s="215"/>
      <c r="BE57" s="215"/>
      <c r="BF57" s="215"/>
      <c r="BG57" s="215"/>
      <c r="BH57" s="215"/>
      <c r="BI57" s="215"/>
      <c r="BJ57" s="215"/>
      <c r="BK57" s="215"/>
      <c r="BL57" s="215"/>
      <c r="BM57" s="215"/>
      <c r="BN57" s="215"/>
      <c r="BO57" s="215"/>
      <c r="BP57" s="215"/>
      <c r="BQ57" s="215"/>
      <c r="BR57" s="215"/>
      <c r="BS57" s="215"/>
      <c r="BT57" s="215"/>
      <c r="BU57" s="215"/>
      <c r="BV57" s="215"/>
      <c r="BW57" s="215"/>
      <c r="BX57" s="215"/>
      <c r="BY57" s="215"/>
      <c r="BZ57" s="215"/>
      <c r="CA57" s="215"/>
      <c r="CB57" s="215"/>
      <c r="CC57" s="215"/>
      <c r="CD57" s="215"/>
      <c r="CE57" s="215"/>
      <c r="CF57" s="215"/>
      <c r="CG57" s="215"/>
      <c r="CH57" s="215"/>
      <c r="CI57" s="215"/>
      <c r="CJ57" s="215"/>
      <c r="CK57" s="215"/>
      <c r="CL57" s="215"/>
      <c r="CM57" s="215"/>
      <c r="CN57" s="215"/>
      <c r="CO57" s="215"/>
      <c r="CP57" s="215"/>
      <c r="CQ57" s="215"/>
      <c r="CR57" s="215"/>
      <c r="CS57" s="215"/>
      <c r="CT57" s="215"/>
      <c r="CU57" s="215"/>
      <c r="CV57" s="215"/>
      <c r="CW57" s="215"/>
      <c r="CX57" s="215"/>
      <c r="CY57" s="215"/>
      <c r="CZ57" s="215"/>
    </row>
    <row r="58" spans="1:104" ht="18" customHeight="1" x14ac:dyDescent="0.55000000000000004">
      <c r="C58" s="203"/>
      <c r="E58" s="215"/>
      <c r="F58" s="215"/>
      <c r="G58" s="215"/>
      <c r="H58" s="215"/>
      <c r="I58" s="215"/>
      <c r="J58" s="215"/>
      <c r="K58" s="215"/>
      <c r="L58" s="215"/>
      <c r="M58" s="215"/>
      <c r="N58" s="215"/>
      <c r="O58" s="215"/>
      <c r="P58" s="215"/>
      <c r="Q58" s="215"/>
      <c r="R58" s="215"/>
      <c r="S58" s="215"/>
      <c r="T58" s="215"/>
      <c r="U58" s="215"/>
      <c r="V58" s="215"/>
      <c r="W58" s="215"/>
      <c r="X58" s="215"/>
      <c r="Y58" s="215"/>
      <c r="Z58" s="215"/>
      <c r="AA58" s="215"/>
      <c r="AB58" s="215"/>
      <c r="AC58" s="215"/>
      <c r="AD58" s="215"/>
      <c r="AE58" s="215"/>
      <c r="AF58" s="215"/>
      <c r="AG58" s="215"/>
      <c r="AH58" s="215"/>
      <c r="AI58" s="215"/>
      <c r="AJ58" s="215"/>
      <c r="AK58" s="215"/>
      <c r="AL58" s="215"/>
      <c r="AM58" s="215"/>
      <c r="AN58" s="215"/>
      <c r="AO58" s="215"/>
      <c r="AP58" s="215"/>
      <c r="AQ58" s="215"/>
      <c r="AR58" s="215"/>
      <c r="AS58" s="215"/>
      <c r="AT58" s="215"/>
      <c r="AU58" s="215"/>
      <c r="AV58" s="215"/>
      <c r="AW58" s="215"/>
      <c r="AX58" s="215"/>
      <c r="AY58" s="215"/>
      <c r="AZ58" s="215"/>
      <c r="BA58" s="215"/>
      <c r="BB58" s="215"/>
      <c r="BC58" s="215"/>
      <c r="BD58" s="215"/>
      <c r="BE58" s="215"/>
      <c r="BF58" s="215"/>
      <c r="BG58" s="215"/>
      <c r="BH58" s="215"/>
      <c r="BI58" s="215"/>
      <c r="BJ58" s="215"/>
      <c r="BK58" s="215"/>
      <c r="BL58" s="215"/>
      <c r="BM58" s="215"/>
      <c r="BN58" s="215"/>
      <c r="BO58" s="215"/>
      <c r="BP58" s="215"/>
      <c r="BQ58" s="215"/>
      <c r="BR58" s="215"/>
      <c r="BS58" s="215"/>
      <c r="BT58" s="215"/>
      <c r="BU58" s="215"/>
      <c r="BV58" s="215"/>
      <c r="BW58" s="215"/>
      <c r="BX58" s="215"/>
      <c r="BY58" s="215"/>
      <c r="BZ58" s="215"/>
      <c r="CA58" s="215"/>
      <c r="CB58" s="215"/>
      <c r="CC58" s="215"/>
      <c r="CD58" s="215"/>
      <c r="CE58" s="215"/>
      <c r="CF58" s="215"/>
      <c r="CG58" s="215"/>
      <c r="CH58" s="215"/>
      <c r="CI58" s="215"/>
      <c r="CJ58" s="215"/>
      <c r="CK58" s="215"/>
      <c r="CL58" s="215"/>
      <c r="CM58" s="215"/>
      <c r="CN58" s="215"/>
      <c r="CO58" s="215"/>
      <c r="CP58" s="215"/>
      <c r="CQ58" s="215"/>
      <c r="CR58" s="215"/>
      <c r="CS58" s="215"/>
      <c r="CT58" s="215"/>
      <c r="CU58" s="215"/>
      <c r="CV58" s="215"/>
      <c r="CW58" s="215"/>
      <c r="CX58" s="215"/>
      <c r="CY58" s="215"/>
      <c r="CZ58" s="215"/>
    </row>
    <row r="59" spans="1:104" x14ac:dyDescent="0.55000000000000004">
      <c r="C59" s="203"/>
    </row>
    <row r="60" spans="1:104" x14ac:dyDescent="0.55000000000000004">
      <c r="C60" s="203"/>
    </row>
    <row r="61" spans="1:104" x14ac:dyDescent="0.55000000000000004">
      <c r="C61" s="203"/>
    </row>
    <row r="62" spans="1:104" x14ac:dyDescent="0.55000000000000004">
      <c r="C62" s="203"/>
    </row>
    <row r="63" spans="1:104" x14ac:dyDescent="0.55000000000000004">
      <c r="C63" s="203"/>
    </row>
    <row r="64" spans="1:104" x14ac:dyDescent="0.55000000000000004">
      <c r="C64" s="203"/>
    </row>
    <row r="65" spans="3:3" x14ac:dyDescent="0.55000000000000004">
      <c r="C65" s="203"/>
    </row>
    <row r="66" spans="3:3" x14ac:dyDescent="0.55000000000000004">
      <c r="C66" s="203"/>
    </row>
    <row r="67" spans="3:3" x14ac:dyDescent="0.55000000000000004">
      <c r="C67" s="203"/>
    </row>
    <row r="68" spans="3:3" x14ac:dyDescent="0.55000000000000004">
      <c r="C68" s="203"/>
    </row>
    <row r="69" spans="3:3" x14ac:dyDescent="0.55000000000000004">
      <c r="C69" s="203"/>
    </row>
    <row r="70" spans="3:3" x14ac:dyDescent="0.55000000000000004">
      <c r="C70" s="203"/>
    </row>
    <row r="71" spans="3:3" x14ac:dyDescent="0.55000000000000004">
      <c r="C71" s="203"/>
    </row>
    <row r="72" spans="3:3" x14ac:dyDescent="0.55000000000000004">
      <c r="C72" s="203"/>
    </row>
    <row r="73" spans="3:3" x14ac:dyDescent="0.55000000000000004">
      <c r="C73" s="203"/>
    </row>
    <row r="74" spans="3:3" x14ac:dyDescent="0.55000000000000004">
      <c r="C74" s="203"/>
    </row>
    <row r="75" spans="3:3" x14ac:dyDescent="0.55000000000000004">
      <c r="C75" s="203"/>
    </row>
    <row r="76" spans="3:3" x14ac:dyDescent="0.55000000000000004">
      <c r="C76" s="203"/>
    </row>
    <row r="77" spans="3:3" x14ac:dyDescent="0.55000000000000004">
      <c r="C77" s="203"/>
    </row>
    <row r="78" spans="3:3" x14ac:dyDescent="0.55000000000000004">
      <c r="C78" s="203"/>
    </row>
    <row r="79" spans="3:3" x14ac:dyDescent="0.55000000000000004">
      <c r="C79" s="203"/>
    </row>
    <row r="80" spans="3:3" x14ac:dyDescent="0.55000000000000004">
      <c r="C80" s="203"/>
    </row>
    <row r="81" spans="3:3" x14ac:dyDescent="0.55000000000000004">
      <c r="C81" s="203"/>
    </row>
    <row r="82" spans="3:3" x14ac:dyDescent="0.55000000000000004">
      <c r="C82" s="203"/>
    </row>
    <row r="83" spans="3:3" x14ac:dyDescent="0.55000000000000004">
      <c r="C83" s="203"/>
    </row>
    <row r="84" spans="3:3" x14ac:dyDescent="0.55000000000000004">
      <c r="C84" s="203"/>
    </row>
    <row r="85" spans="3:3" x14ac:dyDescent="0.55000000000000004">
      <c r="C85" s="203"/>
    </row>
    <row r="86" spans="3:3" x14ac:dyDescent="0.55000000000000004">
      <c r="C86" s="203"/>
    </row>
    <row r="87" spans="3:3" x14ac:dyDescent="0.55000000000000004">
      <c r="C87" s="203"/>
    </row>
    <row r="88" spans="3:3" x14ac:dyDescent="0.55000000000000004">
      <c r="C88" s="203"/>
    </row>
    <row r="89" spans="3:3" x14ac:dyDescent="0.55000000000000004">
      <c r="C89" s="203"/>
    </row>
    <row r="90" spans="3:3" x14ac:dyDescent="0.55000000000000004">
      <c r="C90" s="203"/>
    </row>
  </sheetData>
  <sheetProtection sheet="1" objects="1" scenarios="1"/>
  <mergeCells count="1041">
    <mergeCell ref="AO49:AP49"/>
    <mergeCell ref="AQ49:AR49"/>
    <mergeCell ref="Y49:Z49"/>
    <mergeCell ref="AA49:AB49"/>
    <mergeCell ref="AC49:AD49"/>
    <mergeCell ref="AE49:AF49"/>
    <mergeCell ref="AG49:AH49"/>
    <mergeCell ref="CQ49:CR49"/>
    <mergeCell ref="CS49:CT49"/>
    <mergeCell ref="CU49:CV49"/>
    <mergeCell ref="CW49:CX49"/>
    <mergeCell ref="CY49:CZ49"/>
    <mergeCell ref="CG49:CH49"/>
    <mergeCell ref="CI49:CJ49"/>
    <mergeCell ref="CK49:CL49"/>
    <mergeCell ref="CM49:CN49"/>
    <mergeCell ref="CO49:CP49"/>
    <mergeCell ref="BW49:BX49"/>
    <mergeCell ref="BY49:BZ49"/>
    <mergeCell ref="CA49:CB49"/>
    <mergeCell ref="CC49:CD49"/>
    <mergeCell ref="CE49:CF49"/>
    <mergeCell ref="BM49:BN49"/>
    <mergeCell ref="BO49:BP49"/>
    <mergeCell ref="BQ49:BR49"/>
    <mergeCell ref="BS49:BT49"/>
    <mergeCell ref="BU49:BV49"/>
    <mergeCell ref="CU48:CV48"/>
    <mergeCell ref="CW48:CX48"/>
    <mergeCell ref="CY48:CZ48"/>
    <mergeCell ref="CG48:CH48"/>
    <mergeCell ref="CI48:CJ48"/>
    <mergeCell ref="CK48:CL48"/>
    <mergeCell ref="CM48:CN48"/>
    <mergeCell ref="CO48:CP48"/>
    <mergeCell ref="BW48:BX48"/>
    <mergeCell ref="BY48:BZ48"/>
    <mergeCell ref="CA48:CB48"/>
    <mergeCell ref="CC48:CD48"/>
    <mergeCell ref="CE48:CF48"/>
    <mergeCell ref="BM48:BN48"/>
    <mergeCell ref="BO48:BP48"/>
    <mergeCell ref="BQ48:BR48"/>
    <mergeCell ref="BS48:BT48"/>
    <mergeCell ref="BU48:BV48"/>
    <mergeCell ref="Y48:Z48"/>
    <mergeCell ref="AA48:AB48"/>
    <mergeCell ref="AC48:AD48"/>
    <mergeCell ref="AE48:AF48"/>
    <mergeCell ref="AG48:AH48"/>
    <mergeCell ref="O49:P49"/>
    <mergeCell ref="Q49:R49"/>
    <mergeCell ref="S49:T49"/>
    <mergeCell ref="U49:V49"/>
    <mergeCell ref="W49:X49"/>
    <mergeCell ref="E49:F49"/>
    <mergeCell ref="G49:H49"/>
    <mergeCell ref="I49:J49"/>
    <mergeCell ref="K49:L49"/>
    <mergeCell ref="M49:N49"/>
    <mergeCell ref="CQ48:CR48"/>
    <mergeCell ref="CS48:CT48"/>
    <mergeCell ref="BC48:BD48"/>
    <mergeCell ref="BE48:BF48"/>
    <mergeCell ref="BC49:BD49"/>
    <mergeCell ref="BE49:BF49"/>
    <mergeCell ref="BG49:BH49"/>
    <mergeCell ref="BI49:BJ49"/>
    <mergeCell ref="BK49:BL49"/>
    <mergeCell ref="AS49:AT49"/>
    <mergeCell ref="AU49:AV49"/>
    <mergeCell ref="AW49:AX49"/>
    <mergeCell ref="AY49:AZ49"/>
    <mergeCell ref="BA49:BB49"/>
    <mergeCell ref="AI49:AJ49"/>
    <mergeCell ref="AK49:AL49"/>
    <mergeCell ref="AM49:AN49"/>
    <mergeCell ref="CU47:CV47"/>
    <mergeCell ref="CW47:CX47"/>
    <mergeCell ref="CY47:CZ47"/>
    <mergeCell ref="CG47:CH47"/>
    <mergeCell ref="CI47:CJ47"/>
    <mergeCell ref="CK47:CL47"/>
    <mergeCell ref="CM47:CN47"/>
    <mergeCell ref="CO47:CP47"/>
    <mergeCell ref="BW47:BX47"/>
    <mergeCell ref="BY47:BZ47"/>
    <mergeCell ref="CA47:CB47"/>
    <mergeCell ref="CC47:CD47"/>
    <mergeCell ref="CE47:CF47"/>
    <mergeCell ref="BM47:BN47"/>
    <mergeCell ref="BO47:BP47"/>
    <mergeCell ref="BQ47:BR47"/>
    <mergeCell ref="BS47:BT47"/>
    <mergeCell ref="BU47:BV47"/>
    <mergeCell ref="Y47:Z47"/>
    <mergeCell ref="AA47:AB47"/>
    <mergeCell ref="AC47:AD47"/>
    <mergeCell ref="AE47:AF47"/>
    <mergeCell ref="AG47:AH47"/>
    <mergeCell ref="O48:P48"/>
    <mergeCell ref="Q48:R48"/>
    <mergeCell ref="S48:T48"/>
    <mergeCell ref="U48:V48"/>
    <mergeCell ref="W48:X48"/>
    <mergeCell ref="E48:F48"/>
    <mergeCell ref="G48:H48"/>
    <mergeCell ref="I48:J48"/>
    <mergeCell ref="K48:L48"/>
    <mergeCell ref="M48:N48"/>
    <mergeCell ref="CQ47:CR47"/>
    <mergeCell ref="CS47:CT47"/>
    <mergeCell ref="BC47:BD47"/>
    <mergeCell ref="BE47:BF47"/>
    <mergeCell ref="BG48:BH48"/>
    <mergeCell ref="BI48:BJ48"/>
    <mergeCell ref="BK48:BL48"/>
    <mergeCell ref="AS48:AT48"/>
    <mergeCell ref="AU48:AV48"/>
    <mergeCell ref="AW48:AX48"/>
    <mergeCell ref="AY48:AZ48"/>
    <mergeCell ref="BA48:BB48"/>
    <mergeCell ref="AI48:AJ48"/>
    <mergeCell ref="AK48:AL48"/>
    <mergeCell ref="AM48:AN48"/>
    <mergeCell ref="AO48:AP48"/>
    <mergeCell ref="AQ48:AR48"/>
    <mergeCell ref="CU46:CV46"/>
    <mergeCell ref="CW46:CX46"/>
    <mergeCell ref="CY46:CZ46"/>
    <mergeCell ref="CG46:CH46"/>
    <mergeCell ref="CI46:CJ46"/>
    <mergeCell ref="CK46:CL46"/>
    <mergeCell ref="CM46:CN46"/>
    <mergeCell ref="CO46:CP46"/>
    <mergeCell ref="BW46:BX46"/>
    <mergeCell ref="BY46:BZ46"/>
    <mergeCell ref="CA46:CB46"/>
    <mergeCell ref="CC46:CD46"/>
    <mergeCell ref="CE46:CF46"/>
    <mergeCell ref="BM46:BN46"/>
    <mergeCell ref="BO46:BP46"/>
    <mergeCell ref="BQ46:BR46"/>
    <mergeCell ref="BS46:BT46"/>
    <mergeCell ref="BU46:BV46"/>
    <mergeCell ref="Y46:Z46"/>
    <mergeCell ref="AA46:AB46"/>
    <mergeCell ref="AC46:AD46"/>
    <mergeCell ref="AE46:AF46"/>
    <mergeCell ref="AG46:AH46"/>
    <mergeCell ref="O47:P47"/>
    <mergeCell ref="Q47:R47"/>
    <mergeCell ref="S47:T47"/>
    <mergeCell ref="U47:V47"/>
    <mergeCell ref="W47:X47"/>
    <mergeCell ref="E47:F47"/>
    <mergeCell ref="G47:H47"/>
    <mergeCell ref="I47:J47"/>
    <mergeCell ref="K47:L47"/>
    <mergeCell ref="M47:N47"/>
    <mergeCell ref="CQ46:CR46"/>
    <mergeCell ref="CS46:CT46"/>
    <mergeCell ref="BC46:BD46"/>
    <mergeCell ref="BE46:BF46"/>
    <mergeCell ref="BG47:BH47"/>
    <mergeCell ref="BI47:BJ47"/>
    <mergeCell ref="BK47:BL47"/>
    <mergeCell ref="AS47:AT47"/>
    <mergeCell ref="AU47:AV47"/>
    <mergeCell ref="AW47:AX47"/>
    <mergeCell ref="AY47:AZ47"/>
    <mergeCell ref="BA47:BB47"/>
    <mergeCell ref="AI47:AJ47"/>
    <mergeCell ref="AK47:AL47"/>
    <mergeCell ref="AM47:AN47"/>
    <mergeCell ref="AO47:AP47"/>
    <mergeCell ref="AQ47:AR47"/>
    <mergeCell ref="CU45:CV45"/>
    <mergeCell ref="CW45:CX45"/>
    <mergeCell ref="CY45:CZ45"/>
    <mergeCell ref="CG45:CH45"/>
    <mergeCell ref="CI45:CJ45"/>
    <mergeCell ref="CK45:CL45"/>
    <mergeCell ref="CM45:CN45"/>
    <mergeCell ref="CO45:CP45"/>
    <mergeCell ref="BW45:BX45"/>
    <mergeCell ref="BY45:BZ45"/>
    <mergeCell ref="CA45:CB45"/>
    <mergeCell ref="CC45:CD45"/>
    <mergeCell ref="CE45:CF45"/>
    <mergeCell ref="BM45:BN45"/>
    <mergeCell ref="BO45:BP45"/>
    <mergeCell ref="BQ45:BR45"/>
    <mergeCell ref="BS45:BT45"/>
    <mergeCell ref="BU45:BV45"/>
    <mergeCell ref="Y45:Z45"/>
    <mergeCell ref="AA45:AB45"/>
    <mergeCell ref="AC45:AD45"/>
    <mergeCell ref="AE45:AF45"/>
    <mergeCell ref="AG45:AH45"/>
    <mergeCell ref="O46:P46"/>
    <mergeCell ref="Q46:R46"/>
    <mergeCell ref="S46:T46"/>
    <mergeCell ref="U46:V46"/>
    <mergeCell ref="W46:X46"/>
    <mergeCell ref="E46:F46"/>
    <mergeCell ref="G46:H46"/>
    <mergeCell ref="I46:J46"/>
    <mergeCell ref="K46:L46"/>
    <mergeCell ref="M46:N46"/>
    <mergeCell ref="CQ45:CR45"/>
    <mergeCell ref="CS45:CT45"/>
    <mergeCell ref="BC45:BD45"/>
    <mergeCell ref="BE45:BF45"/>
    <mergeCell ref="BG46:BH46"/>
    <mergeCell ref="BI46:BJ46"/>
    <mergeCell ref="BK46:BL46"/>
    <mergeCell ref="AS46:AT46"/>
    <mergeCell ref="AU46:AV46"/>
    <mergeCell ref="AW46:AX46"/>
    <mergeCell ref="AY46:AZ46"/>
    <mergeCell ref="BA46:BB46"/>
    <mergeCell ref="AI46:AJ46"/>
    <mergeCell ref="AK46:AL46"/>
    <mergeCell ref="AM46:AN46"/>
    <mergeCell ref="AO46:AP46"/>
    <mergeCell ref="AQ46:AR46"/>
    <mergeCell ref="CU44:CV44"/>
    <mergeCell ref="CW44:CX44"/>
    <mergeCell ref="CY44:CZ44"/>
    <mergeCell ref="CG44:CH44"/>
    <mergeCell ref="CI44:CJ44"/>
    <mergeCell ref="CK44:CL44"/>
    <mergeCell ref="CM44:CN44"/>
    <mergeCell ref="CO44:CP44"/>
    <mergeCell ref="BW44:BX44"/>
    <mergeCell ref="BY44:BZ44"/>
    <mergeCell ref="CA44:CB44"/>
    <mergeCell ref="CC44:CD44"/>
    <mergeCell ref="CE44:CF44"/>
    <mergeCell ref="BM44:BN44"/>
    <mergeCell ref="BO44:BP44"/>
    <mergeCell ref="BQ44:BR44"/>
    <mergeCell ref="BS44:BT44"/>
    <mergeCell ref="BU44:BV44"/>
    <mergeCell ref="Y44:Z44"/>
    <mergeCell ref="AA44:AB44"/>
    <mergeCell ref="AC44:AD44"/>
    <mergeCell ref="AE44:AF44"/>
    <mergeCell ref="AG44:AH44"/>
    <mergeCell ref="O45:P45"/>
    <mergeCell ref="Q45:R45"/>
    <mergeCell ref="S45:T45"/>
    <mergeCell ref="U45:V45"/>
    <mergeCell ref="W45:X45"/>
    <mergeCell ref="E45:F45"/>
    <mergeCell ref="G45:H45"/>
    <mergeCell ref="I45:J45"/>
    <mergeCell ref="K45:L45"/>
    <mergeCell ref="M45:N45"/>
    <mergeCell ref="CQ44:CR44"/>
    <mergeCell ref="CS44:CT44"/>
    <mergeCell ref="BC44:BD44"/>
    <mergeCell ref="BE44:BF44"/>
    <mergeCell ref="BG45:BH45"/>
    <mergeCell ref="BI45:BJ45"/>
    <mergeCell ref="BK45:BL45"/>
    <mergeCell ref="AS45:AT45"/>
    <mergeCell ref="AU45:AV45"/>
    <mergeCell ref="AW45:AX45"/>
    <mergeCell ref="AY45:AZ45"/>
    <mergeCell ref="BA45:BB45"/>
    <mergeCell ref="AI45:AJ45"/>
    <mergeCell ref="AK45:AL45"/>
    <mergeCell ref="AM45:AN45"/>
    <mergeCell ref="AO45:AP45"/>
    <mergeCell ref="AQ45:AR45"/>
    <mergeCell ref="CU43:CV43"/>
    <mergeCell ref="CW43:CX43"/>
    <mergeCell ref="CY43:CZ43"/>
    <mergeCell ref="CG43:CH43"/>
    <mergeCell ref="CI43:CJ43"/>
    <mergeCell ref="CK43:CL43"/>
    <mergeCell ref="CM43:CN43"/>
    <mergeCell ref="CO43:CP43"/>
    <mergeCell ref="BW43:BX43"/>
    <mergeCell ref="BY43:BZ43"/>
    <mergeCell ref="CA43:CB43"/>
    <mergeCell ref="CC43:CD43"/>
    <mergeCell ref="CE43:CF43"/>
    <mergeCell ref="BM43:BN43"/>
    <mergeCell ref="BO43:BP43"/>
    <mergeCell ref="BQ43:BR43"/>
    <mergeCell ref="BS43:BT43"/>
    <mergeCell ref="BU43:BV43"/>
    <mergeCell ref="Y43:Z43"/>
    <mergeCell ref="AA43:AB43"/>
    <mergeCell ref="AC43:AD43"/>
    <mergeCell ref="AE43:AF43"/>
    <mergeCell ref="AG43:AH43"/>
    <mergeCell ref="O44:P44"/>
    <mergeCell ref="Q44:R44"/>
    <mergeCell ref="S44:T44"/>
    <mergeCell ref="U44:V44"/>
    <mergeCell ref="W44:X44"/>
    <mergeCell ref="E44:F44"/>
    <mergeCell ref="G44:H44"/>
    <mergeCell ref="I44:J44"/>
    <mergeCell ref="K44:L44"/>
    <mergeCell ref="M44:N44"/>
    <mergeCell ref="CQ43:CR43"/>
    <mergeCell ref="CS43:CT43"/>
    <mergeCell ref="BC43:BD43"/>
    <mergeCell ref="BE43:BF43"/>
    <mergeCell ref="BG44:BH44"/>
    <mergeCell ref="BI44:BJ44"/>
    <mergeCell ref="BK44:BL44"/>
    <mergeCell ref="AS44:AT44"/>
    <mergeCell ref="AU44:AV44"/>
    <mergeCell ref="AW44:AX44"/>
    <mergeCell ref="AY44:AZ44"/>
    <mergeCell ref="BA44:BB44"/>
    <mergeCell ref="AI44:AJ44"/>
    <mergeCell ref="AK44:AL44"/>
    <mergeCell ref="AM44:AN44"/>
    <mergeCell ref="AO44:AP44"/>
    <mergeCell ref="AQ44:AR44"/>
    <mergeCell ref="CU42:CV42"/>
    <mergeCell ref="CW42:CX42"/>
    <mergeCell ref="CY42:CZ42"/>
    <mergeCell ref="CG42:CH42"/>
    <mergeCell ref="CI42:CJ42"/>
    <mergeCell ref="CK42:CL42"/>
    <mergeCell ref="CM42:CN42"/>
    <mergeCell ref="CO42:CP42"/>
    <mergeCell ref="BW42:BX42"/>
    <mergeCell ref="BY42:BZ42"/>
    <mergeCell ref="CA42:CB42"/>
    <mergeCell ref="CC42:CD42"/>
    <mergeCell ref="CE42:CF42"/>
    <mergeCell ref="BM42:BN42"/>
    <mergeCell ref="BO42:BP42"/>
    <mergeCell ref="BQ42:BR42"/>
    <mergeCell ref="BS42:BT42"/>
    <mergeCell ref="BU42:BV42"/>
    <mergeCell ref="Y42:Z42"/>
    <mergeCell ref="AA42:AB42"/>
    <mergeCell ref="AC42:AD42"/>
    <mergeCell ref="AE42:AF42"/>
    <mergeCell ref="AG42:AH42"/>
    <mergeCell ref="O43:P43"/>
    <mergeCell ref="Q43:R43"/>
    <mergeCell ref="S43:T43"/>
    <mergeCell ref="U43:V43"/>
    <mergeCell ref="W43:X43"/>
    <mergeCell ref="E43:F43"/>
    <mergeCell ref="G43:H43"/>
    <mergeCell ref="I43:J43"/>
    <mergeCell ref="K43:L43"/>
    <mergeCell ref="M43:N43"/>
    <mergeCell ref="CQ42:CR42"/>
    <mergeCell ref="CS42:CT42"/>
    <mergeCell ref="BC42:BD42"/>
    <mergeCell ref="BE42:BF42"/>
    <mergeCell ref="BG43:BH43"/>
    <mergeCell ref="BI43:BJ43"/>
    <mergeCell ref="BK43:BL43"/>
    <mergeCell ref="AS43:AT43"/>
    <mergeCell ref="AU43:AV43"/>
    <mergeCell ref="AW43:AX43"/>
    <mergeCell ref="AY43:AZ43"/>
    <mergeCell ref="BA43:BB43"/>
    <mergeCell ref="AI43:AJ43"/>
    <mergeCell ref="AK43:AL43"/>
    <mergeCell ref="AM43:AN43"/>
    <mergeCell ref="AO43:AP43"/>
    <mergeCell ref="AQ43:AR43"/>
    <mergeCell ref="CU41:CV41"/>
    <mergeCell ref="CW41:CX41"/>
    <mergeCell ref="CY41:CZ41"/>
    <mergeCell ref="CG41:CH41"/>
    <mergeCell ref="CI41:CJ41"/>
    <mergeCell ref="CK41:CL41"/>
    <mergeCell ref="CM41:CN41"/>
    <mergeCell ref="CO41:CP41"/>
    <mergeCell ref="BW41:BX41"/>
    <mergeCell ref="BY41:BZ41"/>
    <mergeCell ref="CA41:CB41"/>
    <mergeCell ref="CC41:CD41"/>
    <mergeCell ref="CE41:CF41"/>
    <mergeCell ref="BM41:BN41"/>
    <mergeCell ref="BO41:BP41"/>
    <mergeCell ref="BQ41:BR41"/>
    <mergeCell ref="BS41:BT41"/>
    <mergeCell ref="BU41:BV41"/>
    <mergeCell ref="Y41:Z41"/>
    <mergeCell ref="AA41:AB41"/>
    <mergeCell ref="AC41:AD41"/>
    <mergeCell ref="AE41:AF41"/>
    <mergeCell ref="AG41:AH41"/>
    <mergeCell ref="O42:P42"/>
    <mergeCell ref="Q42:R42"/>
    <mergeCell ref="S42:T42"/>
    <mergeCell ref="U42:V42"/>
    <mergeCell ref="W42:X42"/>
    <mergeCell ref="E42:F42"/>
    <mergeCell ref="G42:H42"/>
    <mergeCell ref="I42:J42"/>
    <mergeCell ref="K42:L42"/>
    <mergeCell ref="M42:N42"/>
    <mergeCell ref="CQ41:CR41"/>
    <mergeCell ref="CS41:CT41"/>
    <mergeCell ref="BC41:BD41"/>
    <mergeCell ref="BE41:BF41"/>
    <mergeCell ref="BG42:BH42"/>
    <mergeCell ref="BI42:BJ42"/>
    <mergeCell ref="BK42:BL42"/>
    <mergeCell ref="AS42:AT42"/>
    <mergeCell ref="AU42:AV42"/>
    <mergeCell ref="AW42:AX42"/>
    <mergeCell ref="AY42:AZ42"/>
    <mergeCell ref="BA42:BB42"/>
    <mergeCell ref="AI42:AJ42"/>
    <mergeCell ref="AK42:AL42"/>
    <mergeCell ref="AM42:AN42"/>
    <mergeCell ref="AO42:AP42"/>
    <mergeCell ref="AQ42:AR42"/>
    <mergeCell ref="CU40:CV40"/>
    <mergeCell ref="CW40:CX40"/>
    <mergeCell ref="CY40:CZ40"/>
    <mergeCell ref="CG40:CH40"/>
    <mergeCell ref="CI40:CJ40"/>
    <mergeCell ref="CK40:CL40"/>
    <mergeCell ref="CM40:CN40"/>
    <mergeCell ref="CO40:CP40"/>
    <mergeCell ref="BW40:BX40"/>
    <mergeCell ref="BY40:BZ40"/>
    <mergeCell ref="CA40:CB40"/>
    <mergeCell ref="CC40:CD40"/>
    <mergeCell ref="CE40:CF40"/>
    <mergeCell ref="BM40:BN40"/>
    <mergeCell ref="BO40:BP40"/>
    <mergeCell ref="BQ40:BR40"/>
    <mergeCell ref="BS40:BT40"/>
    <mergeCell ref="BU40:BV40"/>
    <mergeCell ref="Y40:Z40"/>
    <mergeCell ref="AA40:AB40"/>
    <mergeCell ref="AC40:AD40"/>
    <mergeCell ref="AE40:AF40"/>
    <mergeCell ref="AG40:AH40"/>
    <mergeCell ref="O41:P41"/>
    <mergeCell ref="Q41:R41"/>
    <mergeCell ref="S41:T41"/>
    <mergeCell ref="U41:V41"/>
    <mergeCell ref="W41:X41"/>
    <mergeCell ref="E41:F41"/>
    <mergeCell ref="G41:H41"/>
    <mergeCell ref="I41:J41"/>
    <mergeCell ref="K41:L41"/>
    <mergeCell ref="M41:N41"/>
    <mergeCell ref="CQ40:CR40"/>
    <mergeCell ref="CS40:CT40"/>
    <mergeCell ref="BC40:BD40"/>
    <mergeCell ref="BE40:BF40"/>
    <mergeCell ref="BG41:BH41"/>
    <mergeCell ref="BI41:BJ41"/>
    <mergeCell ref="BK41:BL41"/>
    <mergeCell ref="AS41:AT41"/>
    <mergeCell ref="AU41:AV41"/>
    <mergeCell ref="AW41:AX41"/>
    <mergeCell ref="AY41:AZ41"/>
    <mergeCell ref="BA41:BB41"/>
    <mergeCell ref="AI41:AJ41"/>
    <mergeCell ref="AK41:AL41"/>
    <mergeCell ref="AM41:AN41"/>
    <mergeCell ref="AO41:AP41"/>
    <mergeCell ref="AQ41:AR41"/>
    <mergeCell ref="CU39:CV39"/>
    <mergeCell ref="CW39:CX39"/>
    <mergeCell ref="CY39:CZ39"/>
    <mergeCell ref="CG39:CH39"/>
    <mergeCell ref="CI39:CJ39"/>
    <mergeCell ref="CK39:CL39"/>
    <mergeCell ref="CM39:CN39"/>
    <mergeCell ref="CO39:CP39"/>
    <mergeCell ref="BW39:BX39"/>
    <mergeCell ref="BY39:BZ39"/>
    <mergeCell ref="CA39:CB39"/>
    <mergeCell ref="CC39:CD39"/>
    <mergeCell ref="CE39:CF39"/>
    <mergeCell ref="BM39:BN39"/>
    <mergeCell ref="BO39:BP39"/>
    <mergeCell ref="BQ39:BR39"/>
    <mergeCell ref="BS39:BT39"/>
    <mergeCell ref="BU39:BV39"/>
    <mergeCell ref="Y39:Z39"/>
    <mergeCell ref="AA39:AB39"/>
    <mergeCell ref="AC39:AD39"/>
    <mergeCell ref="AE39:AF39"/>
    <mergeCell ref="AG39:AH39"/>
    <mergeCell ref="O40:P40"/>
    <mergeCell ref="Q40:R40"/>
    <mergeCell ref="S40:T40"/>
    <mergeCell ref="U40:V40"/>
    <mergeCell ref="W40:X40"/>
    <mergeCell ref="E40:F40"/>
    <mergeCell ref="G40:H40"/>
    <mergeCell ref="I40:J40"/>
    <mergeCell ref="K40:L40"/>
    <mergeCell ref="M40:N40"/>
    <mergeCell ref="CQ39:CR39"/>
    <mergeCell ref="CS39:CT39"/>
    <mergeCell ref="BC39:BD39"/>
    <mergeCell ref="BE39:BF39"/>
    <mergeCell ref="BG40:BH40"/>
    <mergeCell ref="BI40:BJ40"/>
    <mergeCell ref="BK40:BL40"/>
    <mergeCell ref="AS40:AT40"/>
    <mergeCell ref="AU40:AV40"/>
    <mergeCell ref="AW40:AX40"/>
    <mergeCell ref="AY40:AZ40"/>
    <mergeCell ref="BA40:BB40"/>
    <mergeCell ref="AI40:AJ40"/>
    <mergeCell ref="AK40:AL40"/>
    <mergeCell ref="AM40:AN40"/>
    <mergeCell ref="AO40:AP40"/>
    <mergeCell ref="AQ40:AR40"/>
    <mergeCell ref="CU38:CV38"/>
    <mergeCell ref="CW38:CX38"/>
    <mergeCell ref="CY38:CZ38"/>
    <mergeCell ref="CG38:CH38"/>
    <mergeCell ref="CI38:CJ38"/>
    <mergeCell ref="CK38:CL38"/>
    <mergeCell ref="CM38:CN38"/>
    <mergeCell ref="CO38:CP38"/>
    <mergeCell ref="BW38:BX38"/>
    <mergeCell ref="BY38:BZ38"/>
    <mergeCell ref="CA38:CB38"/>
    <mergeCell ref="CC38:CD38"/>
    <mergeCell ref="CE38:CF38"/>
    <mergeCell ref="BM38:BN38"/>
    <mergeCell ref="BO38:BP38"/>
    <mergeCell ref="BQ38:BR38"/>
    <mergeCell ref="BS38:BT38"/>
    <mergeCell ref="BU38:BV38"/>
    <mergeCell ref="Y38:Z38"/>
    <mergeCell ref="AA38:AB38"/>
    <mergeCell ref="AC38:AD38"/>
    <mergeCell ref="AE38:AF38"/>
    <mergeCell ref="AG38:AH38"/>
    <mergeCell ref="O39:P39"/>
    <mergeCell ref="Q39:R39"/>
    <mergeCell ref="S39:T39"/>
    <mergeCell ref="U39:V39"/>
    <mergeCell ref="W39:X39"/>
    <mergeCell ref="E39:F39"/>
    <mergeCell ref="G39:H39"/>
    <mergeCell ref="I39:J39"/>
    <mergeCell ref="K39:L39"/>
    <mergeCell ref="M39:N39"/>
    <mergeCell ref="CQ38:CR38"/>
    <mergeCell ref="CS38:CT38"/>
    <mergeCell ref="BC38:BD38"/>
    <mergeCell ref="BE38:BF38"/>
    <mergeCell ref="BG39:BH39"/>
    <mergeCell ref="BI39:BJ39"/>
    <mergeCell ref="BK39:BL39"/>
    <mergeCell ref="AS39:AT39"/>
    <mergeCell ref="AU39:AV39"/>
    <mergeCell ref="AW39:AX39"/>
    <mergeCell ref="AY39:AZ39"/>
    <mergeCell ref="BA39:BB39"/>
    <mergeCell ref="AI39:AJ39"/>
    <mergeCell ref="AK39:AL39"/>
    <mergeCell ref="AM39:AN39"/>
    <mergeCell ref="AO39:AP39"/>
    <mergeCell ref="AQ39:AR39"/>
    <mergeCell ref="CU37:CV37"/>
    <mergeCell ref="CW37:CX37"/>
    <mergeCell ref="CY37:CZ37"/>
    <mergeCell ref="CG37:CH37"/>
    <mergeCell ref="CI37:CJ37"/>
    <mergeCell ref="CK37:CL37"/>
    <mergeCell ref="CM37:CN37"/>
    <mergeCell ref="CO37:CP37"/>
    <mergeCell ref="BW37:BX37"/>
    <mergeCell ref="BY37:BZ37"/>
    <mergeCell ref="CA37:CB37"/>
    <mergeCell ref="CC37:CD37"/>
    <mergeCell ref="CE37:CF37"/>
    <mergeCell ref="BM37:BN37"/>
    <mergeCell ref="BO37:BP37"/>
    <mergeCell ref="BQ37:BR37"/>
    <mergeCell ref="BS37:BT37"/>
    <mergeCell ref="BU37:BV37"/>
    <mergeCell ref="Y37:Z37"/>
    <mergeCell ref="AA37:AB37"/>
    <mergeCell ref="AC37:AD37"/>
    <mergeCell ref="AE37:AF37"/>
    <mergeCell ref="AG37:AH37"/>
    <mergeCell ref="O38:P38"/>
    <mergeCell ref="Q38:R38"/>
    <mergeCell ref="S38:T38"/>
    <mergeCell ref="U38:V38"/>
    <mergeCell ref="W38:X38"/>
    <mergeCell ref="E38:F38"/>
    <mergeCell ref="G38:H38"/>
    <mergeCell ref="I38:J38"/>
    <mergeCell ref="K38:L38"/>
    <mergeCell ref="M38:N38"/>
    <mergeCell ref="CQ37:CR37"/>
    <mergeCell ref="CS37:CT37"/>
    <mergeCell ref="BC37:BD37"/>
    <mergeCell ref="BE37:BF37"/>
    <mergeCell ref="BG38:BH38"/>
    <mergeCell ref="BI38:BJ38"/>
    <mergeCell ref="BK38:BL38"/>
    <mergeCell ref="AS38:AT38"/>
    <mergeCell ref="AU38:AV38"/>
    <mergeCell ref="AW38:AX38"/>
    <mergeCell ref="AY38:AZ38"/>
    <mergeCell ref="BA38:BB38"/>
    <mergeCell ref="AI38:AJ38"/>
    <mergeCell ref="AK38:AL38"/>
    <mergeCell ref="AM38:AN38"/>
    <mergeCell ref="AO38:AP38"/>
    <mergeCell ref="AQ38:AR38"/>
    <mergeCell ref="CU36:CV36"/>
    <mergeCell ref="CW36:CX36"/>
    <mergeCell ref="CY36:CZ36"/>
    <mergeCell ref="CG36:CH36"/>
    <mergeCell ref="CI36:CJ36"/>
    <mergeCell ref="CK36:CL36"/>
    <mergeCell ref="CM36:CN36"/>
    <mergeCell ref="CO36:CP36"/>
    <mergeCell ref="BW36:BX36"/>
    <mergeCell ref="BY36:BZ36"/>
    <mergeCell ref="CA36:CB36"/>
    <mergeCell ref="CC36:CD36"/>
    <mergeCell ref="CE36:CF36"/>
    <mergeCell ref="BM36:BN36"/>
    <mergeCell ref="BO36:BP36"/>
    <mergeCell ref="BQ36:BR36"/>
    <mergeCell ref="BS36:BT36"/>
    <mergeCell ref="BU36:BV36"/>
    <mergeCell ref="Y36:Z36"/>
    <mergeCell ref="AA36:AB36"/>
    <mergeCell ref="AC36:AD36"/>
    <mergeCell ref="AE36:AF36"/>
    <mergeCell ref="AG36:AH36"/>
    <mergeCell ref="O37:P37"/>
    <mergeCell ref="Q37:R37"/>
    <mergeCell ref="S37:T37"/>
    <mergeCell ref="U37:V37"/>
    <mergeCell ref="W37:X37"/>
    <mergeCell ref="E37:F37"/>
    <mergeCell ref="G37:H37"/>
    <mergeCell ref="I37:J37"/>
    <mergeCell ref="K37:L37"/>
    <mergeCell ref="M37:N37"/>
    <mergeCell ref="CQ36:CR36"/>
    <mergeCell ref="CS36:CT36"/>
    <mergeCell ref="BC36:BD36"/>
    <mergeCell ref="BE36:BF36"/>
    <mergeCell ref="BG37:BH37"/>
    <mergeCell ref="BI37:BJ37"/>
    <mergeCell ref="BK37:BL37"/>
    <mergeCell ref="AS37:AT37"/>
    <mergeCell ref="AU37:AV37"/>
    <mergeCell ref="AW37:AX37"/>
    <mergeCell ref="AY37:AZ37"/>
    <mergeCell ref="BA37:BB37"/>
    <mergeCell ref="AI37:AJ37"/>
    <mergeCell ref="AK37:AL37"/>
    <mergeCell ref="AM37:AN37"/>
    <mergeCell ref="AO37:AP37"/>
    <mergeCell ref="AQ37:AR37"/>
    <mergeCell ref="CU35:CV35"/>
    <mergeCell ref="CW35:CX35"/>
    <mergeCell ref="CY35:CZ35"/>
    <mergeCell ref="CG35:CH35"/>
    <mergeCell ref="CI35:CJ35"/>
    <mergeCell ref="CK35:CL35"/>
    <mergeCell ref="CM35:CN35"/>
    <mergeCell ref="CO35:CP35"/>
    <mergeCell ref="BW35:BX35"/>
    <mergeCell ref="BY35:BZ35"/>
    <mergeCell ref="CA35:CB35"/>
    <mergeCell ref="CC35:CD35"/>
    <mergeCell ref="CE35:CF35"/>
    <mergeCell ref="BM35:BN35"/>
    <mergeCell ref="BO35:BP35"/>
    <mergeCell ref="BQ35:BR35"/>
    <mergeCell ref="BS35:BT35"/>
    <mergeCell ref="BU35:BV35"/>
    <mergeCell ref="Y35:Z35"/>
    <mergeCell ref="AA35:AB35"/>
    <mergeCell ref="AC35:AD35"/>
    <mergeCell ref="AE35:AF35"/>
    <mergeCell ref="AG35:AH35"/>
    <mergeCell ref="O36:P36"/>
    <mergeCell ref="Q36:R36"/>
    <mergeCell ref="S36:T36"/>
    <mergeCell ref="U36:V36"/>
    <mergeCell ref="W36:X36"/>
    <mergeCell ref="E36:F36"/>
    <mergeCell ref="G36:H36"/>
    <mergeCell ref="I36:J36"/>
    <mergeCell ref="K36:L36"/>
    <mergeCell ref="M36:N36"/>
    <mergeCell ref="CQ35:CR35"/>
    <mergeCell ref="CS35:CT35"/>
    <mergeCell ref="BC35:BD35"/>
    <mergeCell ref="BE35:BF35"/>
    <mergeCell ref="BG36:BH36"/>
    <mergeCell ref="BI36:BJ36"/>
    <mergeCell ref="BK36:BL36"/>
    <mergeCell ref="AS36:AT36"/>
    <mergeCell ref="AU36:AV36"/>
    <mergeCell ref="AW36:AX36"/>
    <mergeCell ref="AY36:AZ36"/>
    <mergeCell ref="BA36:BB36"/>
    <mergeCell ref="AI36:AJ36"/>
    <mergeCell ref="AK36:AL36"/>
    <mergeCell ref="AM36:AN36"/>
    <mergeCell ref="AO36:AP36"/>
    <mergeCell ref="AQ36:AR36"/>
    <mergeCell ref="CU8:CV8"/>
    <mergeCell ref="CW8:CX8"/>
    <mergeCell ref="CY8:CZ8"/>
    <mergeCell ref="CG8:CH8"/>
    <mergeCell ref="CI8:CJ8"/>
    <mergeCell ref="CK8:CL8"/>
    <mergeCell ref="CM8:CN8"/>
    <mergeCell ref="CO8:CP8"/>
    <mergeCell ref="BW8:BX8"/>
    <mergeCell ref="BY8:BZ8"/>
    <mergeCell ref="CA8:CB8"/>
    <mergeCell ref="CC8:CD8"/>
    <mergeCell ref="CE8:CF8"/>
    <mergeCell ref="BM8:BN8"/>
    <mergeCell ref="BO8:BP8"/>
    <mergeCell ref="BQ8:BR8"/>
    <mergeCell ref="BS8:BT8"/>
    <mergeCell ref="BU8:BV8"/>
    <mergeCell ref="Y8:Z8"/>
    <mergeCell ref="AA8:AB8"/>
    <mergeCell ref="AC8:AD8"/>
    <mergeCell ref="AE8:AF8"/>
    <mergeCell ref="AG8:AH8"/>
    <mergeCell ref="O35:P35"/>
    <mergeCell ref="Q35:R35"/>
    <mergeCell ref="S35:T35"/>
    <mergeCell ref="U35:V35"/>
    <mergeCell ref="W35:X35"/>
    <mergeCell ref="E35:F35"/>
    <mergeCell ref="G35:H35"/>
    <mergeCell ref="I35:J35"/>
    <mergeCell ref="K35:L35"/>
    <mergeCell ref="M35:N35"/>
    <mergeCell ref="CQ8:CR8"/>
    <mergeCell ref="CS8:CT8"/>
    <mergeCell ref="BC8:BD8"/>
    <mergeCell ref="BE8:BF8"/>
    <mergeCell ref="BG35:BH35"/>
    <mergeCell ref="BI35:BJ35"/>
    <mergeCell ref="BK35:BL35"/>
    <mergeCell ref="AS35:AT35"/>
    <mergeCell ref="AU35:AV35"/>
    <mergeCell ref="AW35:AX35"/>
    <mergeCell ref="AY35:AZ35"/>
    <mergeCell ref="BA35:BB35"/>
    <mergeCell ref="AI35:AJ35"/>
    <mergeCell ref="AK35:AL35"/>
    <mergeCell ref="AM35:AN35"/>
    <mergeCell ref="AO35:AP35"/>
    <mergeCell ref="AQ35:AR35"/>
    <mergeCell ref="CU7:CV7"/>
    <mergeCell ref="CW7:CX7"/>
    <mergeCell ref="CY7:CZ7"/>
    <mergeCell ref="CG7:CH7"/>
    <mergeCell ref="CI7:CJ7"/>
    <mergeCell ref="CK7:CL7"/>
    <mergeCell ref="CM7:CN7"/>
    <mergeCell ref="CO7:CP7"/>
    <mergeCell ref="BW7:BX7"/>
    <mergeCell ref="BY7:BZ7"/>
    <mergeCell ref="CA7:CB7"/>
    <mergeCell ref="CC7:CD7"/>
    <mergeCell ref="CE7:CF7"/>
    <mergeCell ref="BM7:BN7"/>
    <mergeCell ref="BO7:BP7"/>
    <mergeCell ref="BQ7:BR7"/>
    <mergeCell ref="BS7:BT7"/>
    <mergeCell ref="BU7:BV7"/>
    <mergeCell ref="Y7:Z7"/>
    <mergeCell ref="AA7:AB7"/>
    <mergeCell ref="AC7:AD7"/>
    <mergeCell ref="AE7:AF7"/>
    <mergeCell ref="AG7:AH7"/>
    <mergeCell ref="O8:P8"/>
    <mergeCell ref="Q8:R8"/>
    <mergeCell ref="S8:T8"/>
    <mergeCell ref="U8:V8"/>
    <mergeCell ref="W8:X8"/>
    <mergeCell ref="E8:F8"/>
    <mergeCell ref="G8:H8"/>
    <mergeCell ref="I8:J8"/>
    <mergeCell ref="K8:L8"/>
    <mergeCell ref="M8:N8"/>
    <mergeCell ref="CQ7:CR7"/>
    <mergeCell ref="CS7:CT7"/>
    <mergeCell ref="BC7:BD7"/>
    <mergeCell ref="BE7:BF7"/>
    <mergeCell ref="BG8:BH8"/>
    <mergeCell ref="BI8:BJ8"/>
    <mergeCell ref="BK8:BL8"/>
    <mergeCell ref="AS8:AT8"/>
    <mergeCell ref="AU8:AV8"/>
    <mergeCell ref="AW8:AX8"/>
    <mergeCell ref="AY8:AZ8"/>
    <mergeCell ref="BA8:BB8"/>
    <mergeCell ref="AI8:AJ8"/>
    <mergeCell ref="AK8:AL8"/>
    <mergeCell ref="AM8:AN8"/>
    <mergeCell ref="AO8:AP8"/>
    <mergeCell ref="AQ8:AR8"/>
    <mergeCell ref="CU6:CV6"/>
    <mergeCell ref="CW6:CX6"/>
    <mergeCell ref="CY6:CZ6"/>
    <mergeCell ref="CG6:CH6"/>
    <mergeCell ref="CI6:CJ6"/>
    <mergeCell ref="CK6:CL6"/>
    <mergeCell ref="CM6:CN6"/>
    <mergeCell ref="CO6:CP6"/>
    <mergeCell ref="BW6:BX6"/>
    <mergeCell ref="BY6:BZ6"/>
    <mergeCell ref="CA6:CB6"/>
    <mergeCell ref="CC6:CD6"/>
    <mergeCell ref="CE6:CF6"/>
    <mergeCell ref="BM6:BN6"/>
    <mergeCell ref="BO6:BP6"/>
    <mergeCell ref="BQ6:BR6"/>
    <mergeCell ref="BS6:BT6"/>
    <mergeCell ref="BU6:BV6"/>
    <mergeCell ref="Y6:Z6"/>
    <mergeCell ref="AA6:AB6"/>
    <mergeCell ref="AC6:AD6"/>
    <mergeCell ref="AE6:AF6"/>
    <mergeCell ref="AG6:AH6"/>
    <mergeCell ref="O7:P7"/>
    <mergeCell ref="Q7:R7"/>
    <mergeCell ref="S7:T7"/>
    <mergeCell ref="U7:V7"/>
    <mergeCell ref="W7:X7"/>
    <mergeCell ref="E7:F7"/>
    <mergeCell ref="G7:H7"/>
    <mergeCell ref="I7:J7"/>
    <mergeCell ref="K7:L7"/>
    <mergeCell ref="M7:N7"/>
    <mergeCell ref="CQ6:CR6"/>
    <mergeCell ref="CS6:CT6"/>
    <mergeCell ref="BC6:BD6"/>
    <mergeCell ref="BE6:BF6"/>
    <mergeCell ref="BG7:BH7"/>
    <mergeCell ref="BI7:BJ7"/>
    <mergeCell ref="BK7:BL7"/>
    <mergeCell ref="AS7:AT7"/>
    <mergeCell ref="AU7:AV7"/>
    <mergeCell ref="AW7:AX7"/>
    <mergeCell ref="AY7:AZ7"/>
    <mergeCell ref="BA7:BB7"/>
    <mergeCell ref="AI7:AJ7"/>
    <mergeCell ref="AK7:AL7"/>
    <mergeCell ref="AM7:AN7"/>
    <mergeCell ref="AO7:AP7"/>
    <mergeCell ref="AQ7:AR7"/>
    <mergeCell ref="CU5:CV5"/>
    <mergeCell ref="CW5:CX5"/>
    <mergeCell ref="CY5:CZ5"/>
    <mergeCell ref="CG5:CH5"/>
    <mergeCell ref="CI5:CJ5"/>
    <mergeCell ref="CK5:CL5"/>
    <mergeCell ref="CM5:CN5"/>
    <mergeCell ref="CO5:CP5"/>
    <mergeCell ref="BW5:BX5"/>
    <mergeCell ref="BY5:BZ5"/>
    <mergeCell ref="CA5:CB5"/>
    <mergeCell ref="CC5:CD5"/>
    <mergeCell ref="CE5:CF5"/>
    <mergeCell ref="BM5:BN5"/>
    <mergeCell ref="BO5:BP5"/>
    <mergeCell ref="BQ5:BR5"/>
    <mergeCell ref="BS5:BT5"/>
    <mergeCell ref="BU5:BV5"/>
    <mergeCell ref="Y5:Z5"/>
    <mergeCell ref="AA5:AB5"/>
    <mergeCell ref="AC5:AD5"/>
    <mergeCell ref="AE5:AF5"/>
    <mergeCell ref="AG5:AH5"/>
    <mergeCell ref="O6:P6"/>
    <mergeCell ref="Q6:R6"/>
    <mergeCell ref="S6:T6"/>
    <mergeCell ref="U6:V6"/>
    <mergeCell ref="W6:X6"/>
    <mergeCell ref="E6:F6"/>
    <mergeCell ref="G6:H6"/>
    <mergeCell ref="I6:J6"/>
    <mergeCell ref="K6:L6"/>
    <mergeCell ref="M6:N6"/>
    <mergeCell ref="CQ5:CR5"/>
    <mergeCell ref="CS5:CT5"/>
    <mergeCell ref="BC5:BD5"/>
    <mergeCell ref="BE5:BF5"/>
    <mergeCell ref="BG6:BH6"/>
    <mergeCell ref="BI6:BJ6"/>
    <mergeCell ref="BK6:BL6"/>
    <mergeCell ref="AS6:AT6"/>
    <mergeCell ref="AU6:AV6"/>
    <mergeCell ref="AW6:AX6"/>
    <mergeCell ref="AY6:AZ6"/>
    <mergeCell ref="BA6:BB6"/>
    <mergeCell ref="AI6:AJ6"/>
    <mergeCell ref="AK6:AL6"/>
    <mergeCell ref="AM6:AN6"/>
    <mergeCell ref="AO6:AP6"/>
    <mergeCell ref="AQ6:AR6"/>
    <mergeCell ref="CU4:CV4"/>
    <mergeCell ref="CW4:CX4"/>
    <mergeCell ref="CY4:CZ4"/>
    <mergeCell ref="CG4:CH4"/>
    <mergeCell ref="CI4:CJ4"/>
    <mergeCell ref="CK4:CL4"/>
    <mergeCell ref="CM4:CN4"/>
    <mergeCell ref="CO4:CP4"/>
    <mergeCell ref="BW4:BX4"/>
    <mergeCell ref="BY4:BZ4"/>
    <mergeCell ref="CA4:CB4"/>
    <mergeCell ref="CC4:CD4"/>
    <mergeCell ref="CE4:CF4"/>
    <mergeCell ref="BM4:BN4"/>
    <mergeCell ref="BO4:BP4"/>
    <mergeCell ref="BQ4:BR4"/>
    <mergeCell ref="BS4:BT4"/>
    <mergeCell ref="BU4:BV4"/>
    <mergeCell ref="Y4:Z4"/>
    <mergeCell ref="AA4:AB4"/>
    <mergeCell ref="AC4:AD4"/>
    <mergeCell ref="AE4:AF4"/>
    <mergeCell ref="AG4:AH4"/>
    <mergeCell ref="O5:P5"/>
    <mergeCell ref="Q5:R5"/>
    <mergeCell ref="S5:T5"/>
    <mergeCell ref="U5:V5"/>
    <mergeCell ref="W5:X5"/>
    <mergeCell ref="E5:F5"/>
    <mergeCell ref="G5:H5"/>
    <mergeCell ref="I5:J5"/>
    <mergeCell ref="K5:L5"/>
    <mergeCell ref="M5:N5"/>
    <mergeCell ref="CQ4:CR4"/>
    <mergeCell ref="CS4:CT4"/>
    <mergeCell ref="BC4:BD4"/>
    <mergeCell ref="BE4:BF4"/>
    <mergeCell ref="BG5:BH5"/>
    <mergeCell ref="BI5:BJ5"/>
    <mergeCell ref="BK5:BL5"/>
    <mergeCell ref="AS5:AT5"/>
    <mergeCell ref="AU5:AV5"/>
    <mergeCell ref="AW5:AX5"/>
    <mergeCell ref="AY5:AZ5"/>
    <mergeCell ref="BA5:BB5"/>
    <mergeCell ref="AI5:AJ5"/>
    <mergeCell ref="AK5:AL5"/>
    <mergeCell ref="AM5:AN5"/>
    <mergeCell ref="AO5:AP5"/>
    <mergeCell ref="AQ5:AR5"/>
    <mergeCell ref="A35:C43"/>
    <mergeCell ref="A44:C49"/>
    <mergeCell ref="E3:X3"/>
    <mergeCell ref="Y1:AR1"/>
    <mergeCell ref="Y2:AR2"/>
    <mergeCell ref="Y3:AR3"/>
    <mergeCell ref="B25:B34"/>
    <mergeCell ref="C9:C11"/>
    <mergeCell ref="C23:C24"/>
    <mergeCell ref="C28:C29"/>
    <mergeCell ref="CG1:CZ1"/>
    <mergeCell ref="CG2:CZ2"/>
    <mergeCell ref="CG3:CZ3"/>
    <mergeCell ref="AS1:BL1"/>
    <mergeCell ref="C30:C32"/>
    <mergeCell ref="C33:C34"/>
    <mergeCell ref="BM2:CF2"/>
    <mergeCell ref="C25:C27"/>
    <mergeCell ref="A1:D4"/>
    <mergeCell ref="A5:C8"/>
    <mergeCell ref="A9:A34"/>
    <mergeCell ref="BG4:BH4"/>
    <mergeCell ref="BI4:BJ4"/>
    <mergeCell ref="BK4:BL4"/>
    <mergeCell ref="AS4:AT4"/>
    <mergeCell ref="AU4:AV4"/>
    <mergeCell ref="AW4:AX4"/>
    <mergeCell ref="AY4:AZ4"/>
    <mergeCell ref="BA4:BB4"/>
    <mergeCell ref="AI4:AJ4"/>
    <mergeCell ref="AK4:AL4"/>
    <mergeCell ref="AM4:AN4"/>
    <mergeCell ref="E1:X1"/>
    <mergeCell ref="E2:X2"/>
    <mergeCell ref="BM1:CF1"/>
    <mergeCell ref="B17:B24"/>
    <mergeCell ref="C12:C16"/>
    <mergeCell ref="B9:B16"/>
    <mergeCell ref="C17:C22"/>
    <mergeCell ref="AS2:BL2"/>
    <mergeCell ref="AS3:BL3"/>
    <mergeCell ref="BM3:CF3"/>
    <mergeCell ref="AS9:BL16"/>
    <mergeCell ref="BM9:CF16"/>
    <mergeCell ref="CG9:CZ16"/>
    <mergeCell ref="E17:X24"/>
    <mergeCell ref="E25:X34"/>
    <mergeCell ref="Y25:AR34"/>
    <mergeCell ref="Y17:AR24"/>
    <mergeCell ref="AS25:BL34"/>
    <mergeCell ref="BM25:CF34"/>
    <mergeCell ref="CG17:CZ24"/>
    <mergeCell ref="O4:P4"/>
    <mergeCell ref="Q4:R4"/>
    <mergeCell ref="S4:T4"/>
    <mergeCell ref="U4:V4"/>
    <mergeCell ref="W4:X4"/>
    <mergeCell ref="E4:F4"/>
    <mergeCell ref="G4:H4"/>
    <mergeCell ref="I4:J4"/>
    <mergeCell ref="K4:L4"/>
    <mergeCell ref="M4:N4"/>
    <mergeCell ref="AO4:AP4"/>
    <mergeCell ref="AQ4:AR4"/>
  </mergeCells>
  <phoneticPr fontId="1"/>
  <conditionalFormatting sqref="D5">
    <cfRule type="expression" dxfId="69" priority="46">
      <formula>OR(E$5:CZ$5="〇",E$5:CZ$5="●",E$5:CZ$5="◎")</formula>
    </cfRule>
  </conditionalFormatting>
  <conditionalFormatting sqref="D6">
    <cfRule type="expression" dxfId="68" priority="45">
      <formula>OR(E$6:CZ$6="〇",E$6:CZ$6="●",E$6:CZ$6="◎")</formula>
    </cfRule>
  </conditionalFormatting>
  <conditionalFormatting sqref="D7">
    <cfRule type="expression" dxfId="67" priority="44">
      <formula>OR(E$7:CZ$7="〇",E$7:CZ$7="●",E$7:CZ$7="◎")</formula>
    </cfRule>
  </conditionalFormatting>
  <conditionalFormatting sqref="D8">
    <cfRule type="expression" dxfId="66" priority="43">
      <formula>OR(E$8:CZ$8="〇",E$8:CZ$8="●",E$8:CZ$8="◎")</formula>
    </cfRule>
  </conditionalFormatting>
  <conditionalFormatting sqref="D9">
    <cfRule type="expression" dxfId="65" priority="42">
      <formula>OR(E$9:AR$9="〇",E$9:AR$9="●",E$9:AR$9="◎")</formula>
    </cfRule>
  </conditionalFormatting>
  <conditionalFormatting sqref="D10">
    <cfRule type="expression" dxfId="64" priority="41">
      <formula>OR(E$10:AR$10="〇",E$10:AR$10="●",E$10:AR$10="◎")</formula>
    </cfRule>
  </conditionalFormatting>
  <conditionalFormatting sqref="D11">
    <cfRule type="expression" dxfId="63" priority="40">
      <formula>OR(E$11:AR$11="〇",E$11:AR$11="●",E$11:AR$11="◎")</formula>
    </cfRule>
  </conditionalFormatting>
  <conditionalFormatting sqref="D12">
    <cfRule type="expression" dxfId="62" priority="39">
      <formula>OR(E$12:AR$12="〇",E$12:AR$12="●",E$12:AR$12="◎")</formula>
    </cfRule>
  </conditionalFormatting>
  <conditionalFormatting sqref="D13">
    <cfRule type="expression" dxfId="61" priority="38">
      <formula>OR(E$13:AR$13="〇",E$13:AR$13="●",E$13:AR$13="◎")</formula>
    </cfRule>
  </conditionalFormatting>
  <conditionalFormatting sqref="D14">
    <cfRule type="expression" dxfId="60" priority="37">
      <formula>OR(E$14:AR$14="〇",E$14:AR$14="●",E$14:AR$14="◎")</formula>
    </cfRule>
  </conditionalFormatting>
  <conditionalFormatting sqref="D15">
    <cfRule type="expression" dxfId="59" priority="36">
      <formula>OR(E$15:AR$15="〇",E$15:AR$15="●",E$15:AR$15="◎")</formula>
    </cfRule>
  </conditionalFormatting>
  <conditionalFormatting sqref="D16">
    <cfRule type="expression" dxfId="58" priority="35">
      <formula>OR(E$16:AR$16="〇",E$16:AR$16="●",E$16:AR$16="◎")</formula>
    </cfRule>
  </conditionalFormatting>
  <conditionalFormatting sqref="D17">
    <cfRule type="expression" dxfId="57" priority="34">
      <formula>OR(AS$17:CF$17="〇",AS$17:CF$17="●",AS$17:CF$17="◎")</formula>
    </cfRule>
  </conditionalFormatting>
  <conditionalFormatting sqref="D18">
    <cfRule type="expression" dxfId="56" priority="33">
      <formula>OR(AS$18:CF$18="〇",AS$18:CF$18="●",AS$18:CF$18="◎")</formula>
    </cfRule>
  </conditionalFormatting>
  <conditionalFormatting sqref="D19">
    <cfRule type="expression" dxfId="55" priority="32">
      <formula>OR(AS$19:CF$19="〇",AS$19:CF$19="●",AS$19:CF$19="◎")</formula>
    </cfRule>
  </conditionalFormatting>
  <conditionalFormatting sqref="D20">
    <cfRule type="expression" dxfId="54" priority="31">
      <formula>OR(AS$20:CF$20="〇",AS$20:CF$20="●",AS$20:CF$20="◎")</formula>
    </cfRule>
  </conditionalFormatting>
  <conditionalFormatting sqref="D21">
    <cfRule type="expression" dxfId="53" priority="30">
      <formula>OR(AS$21:CF$21="〇",AS$21:CF$21="●",AS$21:CF$21="◎")</formula>
    </cfRule>
  </conditionalFormatting>
  <conditionalFormatting sqref="D22">
    <cfRule type="expression" dxfId="52" priority="29">
      <formula>OR(AS$22:CF$22="〇",AS$22:CF$22="●",AS$22:CF$22="◎")</formula>
    </cfRule>
  </conditionalFormatting>
  <conditionalFormatting sqref="D23">
    <cfRule type="expression" dxfId="51" priority="28">
      <formula>OR(AS$23:CF$23="〇",AS$23:CF$23="●",AS$23:CF$23="◎")</formula>
    </cfRule>
  </conditionalFormatting>
  <conditionalFormatting sqref="D24">
    <cfRule type="expression" dxfId="50" priority="27">
      <formula>OR(AS$24:CF$24="〇",AS$24:CF$24="●",AS$24:CF$24="◎")</formula>
    </cfRule>
  </conditionalFormatting>
  <conditionalFormatting sqref="D25">
    <cfRule type="expression" dxfId="49" priority="26">
      <formula>OR(CG$25:CZ$25="〇",CG$25:CZ$25="●",CG$25:CZ$25="◎")</formula>
    </cfRule>
  </conditionalFormatting>
  <conditionalFormatting sqref="D26">
    <cfRule type="expression" dxfId="48" priority="25">
      <formula>OR(CG$26:CZ$26="〇",CG$26:CZ$26="●",CG$26:CZ$26="◎")</formula>
    </cfRule>
  </conditionalFormatting>
  <conditionalFormatting sqref="D27">
    <cfRule type="expression" dxfId="47" priority="24">
      <formula>OR(CG$27:CZ$27="〇",CG$27:CZ$27="●",CG$27:CZ$27="◎")</formula>
    </cfRule>
  </conditionalFormatting>
  <conditionalFormatting sqref="D28">
    <cfRule type="expression" dxfId="46" priority="23">
      <formula>OR(CG$28:CZ$28="〇",CG$28:CZ$28="●",$CG28:$CZ28="◎")</formula>
    </cfRule>
  </conditionalFormatting>
  <conditionalFormatting sqref="D29">
    <cfRule type="expression" dxfId="45" priority="22">
      <formula>OR(CG$29:CZ$29="〇",CG$29:CZ$29="●",CG$29:CZ$29="◎")</formula>
    </cfRule>
  </conditionalFormatting>
  <conditionalFormatting sqref="D30">
    <cfRule type="expression" dxfId="44" priority="21">
      <formula>OR(CG$30:CZ$30="〇",CG$30:CZ$30="●",CG$30:CZ$30="◎")</formula>
    </cfRule>
  </conditionalFormatting>
  <conditionalFormatting sqref="D31">
    <cfRule type="expression" dxfId="43" priority="20">
      <formula>OR(CG$31:CZ$31="〇",CG$31:CZ$31="●",CG$31:CZ$31="◎")</formula>
    </cfRule>
  </conditionalFormatting>
  <conditionalFormatting sqref="D32">
    <cfRule type="expression" dxfId="42" priority="19">
      <formula>OR(CG$32:CZ$32="〇",CG$32:CZ$32="●",CG$32:CZ$32="◎")</formula>
    </cfRule>
  </conditionalFormatting>
  <conditionalFormatting sqref="D33">
    <cfRule type="expression" dxfId="41" priority="18">
      <formula>OR(CG$33:CZ$33="〇",CG$33:CZ$33="●",CG$33:CZ$33="◎")</formula>
    </cfRule>
  </conditionalFormatting>
  <conditionalFormatting sqref="D34">
    <cfRule type="expression" dxfId="40" priority="17">
      <formula>OR(CG$34:CZ$34="〇",CG$34:CZ$34="●",CG$34:CZ$34="◎")</formula>
    </cfRule>
  </conditionalFormatting>
  <conditionalFormatting sqref="D35">
    <cfRule type="expression" dxfId="39" priority="16">
      <formula>OR(E$35:CZ$35="〇",E$35:CZ$35="●",E$35:CZ$35="◎")</formula>
    </cfRule>
  </conditionalFormatting>
  <conditionalFormatting sqref="D36">
    <cfRule type="expression" dxfId="38" priority="15">
      <formula>OR(E$36:CZ$36="〇",E$36:CZ$36="●",E$36:CZ$36="◎")</formula>
    </cfRule>
  </conditionalFormatting>
  <conditionalFormatting sqref="D37">
    <cfRule type="expression" dxfId="37" priority="14">
      <formula>OR(E$37:CZ$37="〇",E$37:CZ$37="●",E$37:CZ$37="◎")</formula>
    </cfRule>
  </conditionalFormatting>
  <conditionalFormatting sqref="D38">
    <cfRule type="expression" dxfId="36" priority="13">
      <formula>OR(E$38:CZ$38="〇",E$38:CZ$38="●",E$38:CZ$38="◎")</formula>
    </cfRule>
  </conditionalFormatting>
  <conditionalFormatting sqref="D39">
    <cfRule type="expression" dxfId="35" priority="12">
      <formula>OR(E$39:CZ$39="〇",E$39:CZ$39="●",E$39:CZ$39="◎")</formula>
    </cfRule>
  </conditionalFormatting>
  <conditionalFormatting sqref="D40">
    <cfRule type="expression" dxfId="34" priority="11">
      <formula>OR(E$40:CZ$40="〇",E$40:CZ$40="●",E$40:CZ$40="◎")</formula>
    </cfRule>
  </conditionalFormatting>
  <conditionalFormatting sqref="D41">
    <cfRule type="expression" dxfId="33" priority="10">
      <formula>OR(E$41:CZ$41="〇",E$41:CZ$41="●",E$41:CZ$41="◎")</formula>
    </cfRule>
  </conditionalFormatting>
  <conditionalFormatting sqref="D42">
    <cfRule type="expression" dxfId="32" priority="9">
      <formula>OR(E$42:CZ$42="〇",E$42:CZ$42="●",E$42:CZ$42="◎")</formula>
    </cfRule>
  </conditionalFormatting>
  <conditionalFormatting sqref="D43">
    <cfRule type="expression" dxfId="31" priority="8">
      <formula>OR(E$43:CZ$43="〇",E$43:CZ$43="●",E$43:CZ$43="◎")</formula>
    </cfRule>
  </conditionalFormatting>
  <conditionalFormatting sqref="D44">
    <cfRule type="expression" dxfId="30" priority="7">
      <formula>OR(E$44:CZ$44="〇",E$44:CZ$44="●",E$44:CZ$44="◎")</formula>
    </cfRule>
  </conditionalFormatting>
  <conditionalFormatting sqref="D45">
    <cfRule type="expression" dxfId="29" priority="6">
      <formula>OR(E$45:CZ$45="〇",E$45:CZ$45="●",E$45:CZ$45="◎")</formula>
    </cfRule>
  </conditionalFormatting>
  <conditionalFormatting sqref="D46">
    <cfRule type="expression" dxfId="28" priority="4">
      <formula>OR(E$46:CZ$46="〇",E$46:CZ$46="●",E$46:CZ$46="◎")</formula>
    </cfRule>
    <cfRule type="expression" dxfId="27" priority="5">
      <formula>OR(E$46:CZ$46="〇",E$46:CZ$46="●",E$46:CZ$46="◎")</formula>
    </cfRule>
  </conditionalFormatting>
  <conditionalFormatting sqref="D47">
    <cfRule type="expression" dxfId="26" priority="3">
      <formula>OR(E$47:CZ$47="〇",E$47:CZ$47="◎",E$47:CZ$47="●")</formula>
    </cfRule>
  </conditionalFormatting>
  <conditionalFormatting sqref="D48">
    <cfRule type="expression" dxfId="25" priority="2">
      <formula>OR(E$48:CZ$48="〇",E$48:CZ$48="●",E$48:CZ$48="◎")</formula>
    </cfRule>
  </conditionalFormatting>
  <conditionalFormatting sqref="D49">
    <cfRule type="expression" dxfId="24" priority="1">
      <formula>OR(E$49:CZ$49="〇",E$49:CZ$49="●",E$49:CZ$49="◎")</formula>
    </cfRule>
  </conditionalFormatting>
  <dataValidations count="1">
    <dataValidation type="list" allowBlank="1" showInputMessage="1" showErrorMessage="1" sqref="CG25:CZ34 E5:E8 AS17:CF24 E9:AR16 CC5:CC8 W5:W8 G5:G8 I5:I8 K5:K8 M5:M8 O5:O8 Q5:Q8 S5:S8 U5:U8 CW5:CW8 Y5:Y8 AS5:AS8 BM5:BM8 CG5:CG8 AQ5:AQ8 BK5:BK8 CE5:CE8 CY5:CY8 AA5:AA8 AU5:AU8 BO5:BO8 CI5:CI8 AC5:AC8 AW5:AW8 BQ5:BQ8 CK5:CK8 AE5:AE8 AY5:AY8 BS5:BS8 CM5:CM8 AG5:AG8 BA5:BA8 BU5:BU8 CO5:CO8 AI5:AI8 BC5:BC8 BW5:BW8 CQ5:CQ8 AK5:AK8 BE5:BE8 BY5:BY8 CS5:CS8 AM5:AM8 BG5:BG8 CA5:CA8 CU5:CU8 AO5:AO8 BI5:BI8 CW35:CW49 CY35:CY49 G35:G49 I35:I49 K35:K49 M35:M49 O35:O49 Q35:Q49 S35:S49 U35:U49 W35:W49 Y35:Y49 AA35:AA49 AC35:AC49 AE35:AE49 AG35:AG49 AI35:AI49 AK35:AK49 AM35:AM49 AO35:AO49 AQ35:AQ49 AS35:AS49 AU35:AU49 AW35:AW49 AY35:AY49 BA35:BA49 BC35:BC49 BE35:BE49 BG35:BG49 BI35:BI49 BK35:BK49 BM35:BM49 BO35:BO49 BQ35:BQ49 BS35:BS49 BU35:BU49 BW35:BW49 BY35:BY49 CA35:CA49 CC35:CC49 CE35:CE49 CG35:CG49 CI35:CI49 CK35:CK49 CM35:CM49 CO35:CO49 CQ35:CQ49 CS35:CS49 CU35:CU49 E35:E49">
      <formula1>$DA$1:$DA$3</formula1>
    </dataValidation>
  </dataValidations>
  <pageMargins left="0.31496062992125984" right="0.31496062992125984" top="0.55118110236220474" bottom="0.15748031496062992" header="0.31496062992125984" footer="0.31496062992125984"/>
  <pageSetup paperSize="9" orientation="portrait"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BC46"/>
  <sheetViews>
    <sheetView zoomScale="80" zoomScaleNormal="80" workbookViewId="0">
      <selection activeCell="I9" sqref="I9:O9"/>
    </sheetView>
  </sheetViews>
  <sheetFormatPr defaultRowHeight="13" x14ac:dyDescent="0.55000000000000004"/>
  <cols>
    <col min="1" max="1" width="3.5" style="5" customWidth="1"/>
    <col min="2" max="2" width="6.33203125" style="26" customWidth="1"/>
    <col min="3" max="3" width="45" style="26" customWidth="1"/>
    <col min="4" max="53" width="2.08203125" style="16" customWidth="1"/>
    <col min="54" max="54" width="8.6640625" style="16"/>
    <col min="55" max="55" width="9.1640625" style="16" bestFit="1" customWidth="1"/>
    <col min="56" max="16384" width="8.6640625" style="16"/>
  </cols>
  <sheetData>
    <row r="1" spans="1:55" s="1" customFormat="1" x14ac:dyDescent="0.55000000000000004">
      <c r="A1" s="518" t="s">
        <v>31</v>
      </c>
      <c r="B1" s="519"/>
      <c r="C1" s="520"/>
      <c r="D1" s="498" t="s">
        <v>7</v>
      </c>
      <c r="E1" s="499"/>
      <c r="F1" s="499"/>
      <c r="G1" s="499"/>
      <c r="H1" s="499"/>
      <c r="I1" s="499"/>
      <c r="J1" s="499"/>
      <c r="K1" s="499"/>
      <c r="L1" s="499"/>
      <c r="M1" s="500"/>
      <c r="N1" s="501" t="s">
        <v>8</v>
      </c>
      <c r="O1" s="502"/>
      <c r="P1" s="502"/>
      <c r="Q1" s="502"/>
      <c r="R1" s="502"/>
      <c r="S1" s="502"/>
      <c r="T1" s="502"/>
      <c r="U1" s="503"/>
      <c r="V1" s="501" t="s">
        <v>8</v>
      </c>
      <c r="W1" s="502"/>
      <c r="X1" s="502"/>
      <c r="Y1" s="502"/>
      <c r="Z1" s="502"/>
      <c r="AA1" s="502"/>
      <c r="AB1" s="502"/>
      <c r="AC1" s="502"/>
      <c r="AD1" s="502"/>
      <c r="AE1" s="503"/>
      <c r="AF1" s="501" t="s">
        <v>11</v>
      </c>
      <c r="AG1" s="502"/>
      <c r="AH1" s="502"/>
      <c r="AI1" s="502"/>
      <c r="AJ1" s="502"/>
      <c r="AK1" s="502"/>
      <c r="AL1" s="502"/>
      <c r="AM1" s="502"/>
      <c r="AN1" s="502"/>
      <c r="AO1" s="502"/>
      <c r="AP1" s="502"/>
      <c r="AQ1" s="503"/>
      <c r="AR1" s="501" t="s">
        <v>7</v>
      </c>
      <c r="AS1" s="502"/>
      <c r="AT1" s="502"/>
      <c r="AU1" s="502"/>
      <c r="AV1" s="502"/>
      <c r="AW1" s="502"/>
      <c r="AX1" s="502"/>
      <c r="AY1" s="502"/>
      <c r="AZ1" s="502"/>
      <c r="BA1" s="503"/>
      <c r="BB1" s="1" t="s">
        <v>116</v>
      </c>
      <c r="BC1" s="1" t="s">
        <v>118</v>
      </c>
    </row>
    <row r="2" spans="1:55" s="1" customFormat="1" x14ac:dyDescent="0.55000000000000004">
      <c r="A2" s="519"/>
      <c r="B2" s="519"/>
      <c r="C2" s="520"/>
      <c r="D2" s="504" t="s">
        <v>167</v>
      </c>
      <c r="E2" s="505"/>
      <c r="F2" s="505"/>
      <c r="G2" s="505"/>
      <c r="H2" s="505"/>
      <c r="I2" s="505"/>
      <c r="J2" s="505"/>
      <c r="K2" s="505"/>
      <c r="L2" s="505"/>
      <c r="M2" s="506"/>
      <c r="N2" s="272" t="s">
        <v>9</v>
      </c>
      <c r="O2" s="273"/>
      <c r="P2" s="273"/>
      <c r="Q2" s="273"/>
      <c r="R2" s="273"/>
      <c r="S2" s="273"/>
      <c r="T2" s="273"/>
      <c r="U2" s="274"/>
      <c r="V2" s="272" t="s">
        <v>10</v>
      </c>
      <c r="W2" s="273"/>
      <c r="X2" s="273"/>
      <c r="Y2" s="273"/>
      <c r="Z2" s="273"/>
      <c r="AA2" s="273"/>
      <c r="AB2" s="273"/>
      <c r="AC2" s="273"/>
      <c r="AD2" s="273"/>
      <c r="AE2" s="274"/>
      <c r="AF2" s="272" t="s">
        <v>12</v>
      </c>
      <c r="AG2" s="273"/>
      <c r="AH2" s="273"/>
      <c r="AI2" s="273"/>
      <c r="AJ2" s="273"/>
      <c r="AK2" s="273"/>
      <c r="AL2" s="273"/>
      <c r="AM2" s="273"/>
      <c r="AN2" s="273"/>
      <c r="AO2" s="273"/>
      <c r="AP2" s="273"/>
      <c r="AQ2" s="274"/>
      <c r="AR2" s="272" t="s">
        <v>168</v>
      </c>
      <c r="AS2" s="273"/>
      <c r="AT2" s="273"/>
      <c r="AU2" s="273"/>
      <c r="AV2" s="273"/>
      <c r="AW2" s="273"/>
      <c r="AX2" s="273"/>
      <c r="AY2" s="273"/>
      <c r="AZ2" s="273"/>
      <c r="BA2" s="274"/>
      <c r="BB2" s="1" t="s">
        <v>117</v>
      </c>
      <c r="BC2" s="1" t="s">
        <v>119</v>
      </c>
    </row>
    <row r="3" spans="1:55" s="1" customFormat="1" x14ac:dyDescent="0.55000000000000004">
      <c r="A3" s="519"/>
      <c r="B3" s="519"/>
      <c r="C3" s="520"/>
      <c r="D3" s="504" t="s">
        <v>26</v>
      </c>
      <c r="E3" s="505"/>
      <c r="F3" s="505"/>
      <c r="G3" s="505"/>
      <c r="H3" s="505"/>
      <c r="I3" s="505"/>
      <c r="J3" s="505"/>
      <c r="K3" s="505"/>
      <c r="L3" s="505"/>
      <c r="M3" s="506"/>
      <c r="N3" s="272" t="s">
        <v>27</v>
      </c>
      <c r="O3" s="273"/>
      <c r="P3" s="273"/>
      <c r="Q3" s="273"/>
      <c r="R3" s="273"/>
      <c r="S3" s="273"/>
      <c r="T3" s="273"/>
      <c r="U3" s="274"/>
      <c r="V3" s="272" t="s">
        <v>26</v>
      </c>
      <c r="W3" s="273"/>
      <c r="X3" s="273"/>
      <c r="Y3" s="273"/>
      <c r="Z3" s="273"/>
      <c r="AA3" s="273"/>
      <c r="AB3" s="273"/>
      <c r="AC3" s="273"/>
      <c r="AD3" s="273"/>
      <c r="AE3" s="274"/>
      <c r="AF3" s="272" t="s">
        <v>115</v>
      </c>
      <c r="AG3" s="273"/>
      <c r="AH3" s="273"/>
      <c r="AI3" s="273"/>
      <c r="AJ3" s="273"/>
      <c r="AK3" s="273"/>
      <c r="AL3" s="273"/>
      <c r="AM3" s="273"/>
      <c r="AN3" s="273"/>
      <c r="AO3" s="273"/>
      <c r="AP3" s="273"/>
      <c r="AQ3" s="274"/>
      <c r="AR3" s="272" t="s">
        <v>28</v>
      </c>
      <c r="AS3" s="273"/>
      <c r="AT3" s="273"/>
      <c r="AU3" s="273"/>
      <c r="AV3" s="273"/>
      <c r="AW3" s="273"/>
      <c r="AX3" s="273"/>
      <c r="AY3" s="273"/>
      <c r="AZ3" s="273"/>
      <c r="BA3" s="274"/>
      <c r="BB3" s="1" t="s">
        <v>120</v>
      </c>
      <c r="BC3" s="1" t="s">
        <v>121</v>
      </c>
    </row>
    <row r="4" spans="1:55" s="1" customFormat="1" ht="13.5" thickBot="1" x14ac:dyDescent="0.6">
      <c r="A4" s="521"/>
      <c r="B4" s="521"/>
      <c r="C4" s="520"/>
      <c r="D4" s="2">
        <v>1</v>
      </c>
      <c r="E4" s="3">
        <v>2</v>
      </c>
      <c r="F4" s="3">
        <v>3</v>
      </c>
      <c r="G4" s="3">
        <v>4</v>
      </c>
      <c r="H4" s="3">
        <v>5</v>
      </c>
      <c r="I4" s="3">
        <v>6</v>
      </c>
      <c r="J4" s="3">
        <v>7</v>
      </c>
      <c r="K4" s="3">
        <v>8</v>
      </c>
      <c r="L4" s="3">
        <v>9</v>
      </c>
      <c r="M4" s="4">
        <v>10</v>
      </c>
      <c r="N4" s="2">
        <v>1</v>
      </c>
      <c r="O4" s="3">
        <v>2</v>
      </c>
      <c r="P4" s="3">
        <v>3</v>
      </c>
      <c r="Q4" s="3">
        <v>4</v>
      </c>
      <c r="R4" s="3">
        <v>5</v>
      </c>
      <c r="S4" s="3">
        <v>6</v>
      </c>
      <c r="T4" s="3">
        <v>7</v>
      </c>
      <c r="U4" s="4">
        <v>8</v>
      </c>
      <c r="V4" s="2">
        <v>1</v>
      </c>
      <c r="W4" s="3">
        <v>2</v>
      </c>
      <c r="X4" s="3">
        <v>3</v>
      </c>
      <c r="Y4" s="3">
        <v>4</v>
      </c>
      <c r="Z4" s="3">
        <v>5</v>
      </c>
      <c r="AA4" s="3">
        <v>6</v>
      </c>
      <c r="AB4" s="3">
        <v>7</v>
      </c>
      <c r="AC4" s="3">
        <v>8</v>
      </c>
      <c r="AD4" s="3">
        <v>9</v>
      </c>
      <c r="AE4" s="4">
        <v>10</v>
      </c>
      <c r="AF4" s="2">
        <v>1</v>
      </c>
      <c r="AG4" s="3">
        <v>2</v>
      </c>
      <c r="AH4" s="3">
        <v>3</v>
      </c>
      <c r="AI4" s="3">
        <v>4</v>
      </c>
      <c r="AJ4" s="3">
        <v>5</v>
      </c>
      <c r="AK4" s="3">
        <v>6</v>
      </c>
      <c r="AL4" s="3">
        <v>7</v>
      </c>
      <c r="AM4" s="3">
        <v>8</v>
      </c>
      <c r="AN4" s="3">
        <v>9</v>
      </c>
      <c r="AO4" s="3">
        <v>10</v>
      </c>
      <c r="AP4" s="3">
        <v>11</v>
      </c>
      <c r="AQ4" s="3">
        <v>12</v>
      </c>
      <c r="AR4" s="2">
        <v>1</v>
      </c>
      <c r="AS4" s="3">
        <v>2</v>
      </c>
      <c r="AT4" s="3">
        <v>3</v>
      </c>
      <c r="AU4" s="3">
        <v>4</v>
      </c>
      <c r="AV4" s="3">
        <v>5</v>
      </c>
      <c r="AW4" s="3">
        <v>6</v>
      </c>
      <c r="AX4" s="3">
        <v>7</v>
      </c>
      <c r="AY4" s="3">
        <v>8</v>
      </c>
      <c r="AZ4" s="3">
        <v>9</v>
      </c>
      <c r="BA4" s="4">
        <v>10</v>
      </c>
    </row>
    <row r="5" spans="1:55" ht="26" x14ac:dyDescent="0.55000000000000004">
      <c r="A5" s="507" t="s">
        <v>1</v>
      </c>
      <c r="B5" s="508"/>
      <c r="C5" s="115" t="s">
        <v>32</v>
      </c>
      <c r="D5" s="117" t="s">
        <v>123</v>
      </c>
      <c r="E5" s="118"/>
      <c r="F5" s="118"/>
      <c r="G5" s="118"/>
      <c r="H5" s="118"/>
      <c r="I5" s="118"/>
      <c r="J5" s="118"/>
      <c r="K5" s="118"/>
      <c r="L5" s="118"/>
      <c r="M5" s="119"/>
      <c r="N5" s="27" t="s">
        <v>123</v>
      </c>
      <c r="O5" s="28"/>
      <c r="P5" s="28"/>
      <c r="Q5" s="28"/>
      <c r="R5" s="28"/>
      <c r="S5" s="28"/>
      <c r="T5" s="28"/>
      <c r="U5" s="29"/>
      <c r="V5" s="27"/>
      <c r="W5" s="28"/>
      <c r="X5" s="28"/>
      <c r="Y5" s="28"/>
      <c r="Z5" s="28"/>
      <c r="AA5" s="28"/>
      <c r="AB5" s="28"/>
      <c r="AC5" s="28"/>
      <c r="AD5" s="28"/>
      <c r="AE5" s="29"/>
      <c r="AF5" s="27" t="s">
        <v>123</v>
      </c>
      <c r="AG5" s="28"/>
      <c r="AH5" s="28"/>
      <c r="AI5" s="28"/>
      <c r="AJ5" s="28"/>
      <c r="AK5" s="28"/>
      <c r="AL5" s="28"/>
      <c r="AM5" s="28"/>
      <c r="AN5" s="28"/>
      <c r="AO5" s="28"/>
      <c r="AP5" s="42"/>
      <c r="AQ5" s="42"/>
      <c r="AR5" s="27"/>
      <c r="AS5" s="28"/>
      <c r="AT5" s="28"/>
      <c r="AU5" s="28"/>
      <c r="AV5" s="28"/>
      <c r="AW5" s="28"/>
      <c r="AX5" s="28"/>
      <c r="AY5" s="28"/>
      <c r="AZ5" s="28"/>
      <c r="BA5" s="29"/>
    </row>
    <row r="6" spans="1:55" ht="39" x14ac:dyDescent="0.55000000000000004">
      <c r="A6" s="509"/>
      <c r="B6" s="510"/>
      <c r="C6" s="54" t="s">
        <v>59</v>
      </c>
      <c r="D6" s="43"/>
      <c r="E6" s="31"/>
      <c r="F6" s="31"/>
      <c r="G6" s="31"/>
      <c r="H6" s="31"/>
      <c r="I6" s="31"/>
      <c r="J6" s="31"/>
      <c r="K6" s="31"/>
      <c r="L6" s="31"/>
      <c r="M6" s="32"/>
      <c r="N6" s="30"/>
      <c r="O6" s="31"/>
      <c r="P6" s="31"/>
      <c r="Q6" s="31"/>
      <c r="R6" s="31"/>
      <c r="S6" s="31"/>
      <c r="T6" s="31"/>
      <c r="U6" s="32"/>
      <c r="V6" s="30" t="s">
        <v>123</v>
      </c>
      <c r="W6" s="31"/>
      <c r="X6" s="31"/>
      <c r="Y6" s="31"/>
      <c r="Z6" s="31"/>
      <c r="AA6" s="31"/>
      <c r="AB6" s="31"/>
      <c r="AC6" s="31"/>
      <c r="AD6" s="31"/>
      <c r="AE6" s="32"/>
      <c r="AF6" s="30"/>
      <c r="AG6" s="31" t="s">
        <v>123</v>
      </c>
      <c r="AH6" s="31"/>
      <c r="AI6" s="31"/>
      <c r="AJ6" s="31"/>
      <c r="AK6" s="31"/>
      <c r="AL6" s="31"/>
      <c r="AM6" s="31"/>
      <c r="AN6" s="31"/>
      <c r="AO6" s="31"/>
      <c r="AP6" s="43"/>
      <c r="AQ6" s="43"/>
      <c r="AR6" s="30" t="s">
        <v>123</v>
      </c>
      <c r="AS6" s="31"/>
      <c r="AT6" s="31"/>
      <c r="AU6" s="31"/>
      <c r="AV6" s="31"/>
      <c r="AW6" s="31"/>
      <c r="AX6" s="31"/>
      <c r="AY6" s="31"/>
      <c r="AZ6" s="31"/>
      <c r="BA6" s="32"/>
    </row>
    <row r="7" spans="1:55" ht="26" x14ac:dyDescent="0.55000000000000004">
      <c r="A7" s="509"/>
      <c r="B7" s="510"/>
      <c r="C7" s="116" t="s">
        <v>60</v>
      </c>
      <c r="D7" s="120"/>
      <c r="E7" s="121" t="s">
        <v>123</v>
      </c>
      <c r="F7" s="121"/>
      <c r="G7" s="121" t="s">
        <v>123</v>
      </c>
      <c r="H7" s="121"/>
      <c r="I7" s="121"/>
      <c r="J7" s="121"/>
      <c r="K7" s="121"/>
      <c r="L7" s="121"/>
      <c r="M7" s="122"/>
      <c r="N7" s="30"/>
      <c r="O7" s="31" t="s">
        <v>123</v>
      </c>
      <c r="P7" s="31" t="s">
        <v>123</v>
      </c>
      <c r="Q7" s="31"/>
      <c r="R7" s="31" t="s">
        <v>123</v>
      </c>
      <c r="S7" s="31"/>
      <c r="T7" s="31"/>
      <c r="U7" s="32"/>
      <c r="V7" s="30"/>
      <c r="W7" s="31" t="s">
        <v>123</v>
      </c>
      <c r="X7" s="31"/>
      <c r="Y7" s="31"/>
      <c r="Z7" s="31" t="s">
        <v>123</v>
      </c>
      <c r="AA7" s="31"/>
      <c r="AB7" s="31"/>
      <c r="AC7" s="31"/>
      <c r="AD7" s="31"/>
      <c r="AE7" s="32"/>
      <c r="AF7" s="30"/>
      <c r="AG7" s="31"/>
      <c r="AH7" s="31" t="s">
        <v>123</v>
      </c>
      <c r="AI7" s="31"/>
      <c r="AJ7" s="31" t="s">
        <v>123</v>
      </c>
      <c r="AK7" s="31"/>
      <c r="AL7" s="31"/>
      <c r="AM7" s="31" t="s">
        <v>123</v>
      </c>
      <c r="AN7" s="31"/>
      <c r="AO7" s="31"/>
      <c r="AP7" s="43"/>
      <c r="AQ7" s="43"/>
      <c r="AR7" s="30"/>
      <c r="AS7" s="31"/>
      <c r="AT7" s="31"/>
      <c r="AU7" s="31" t="s">
        <v>123</v>
      </c>
      <c r="AV7" s="31"/>
      <c r="AW7" s="31" t="s">
        <v>123</v>
      </c>
      <c r="AX7" s="31"/>
      <c r="AY7" s="31"/>
      <c r="AZ7" s="31"/>
      <c r="BA7" s="32"/>
    </row>
    <row r="8" spans="1:55" ht="26" x14ac:dyDescent="0.55000000000000004">
      <c r="A8" s="511"/>
      <c r="B8" s="512"/>
      <c r="C8" s="55" t="s">
        <v>61</v>
      </c>
      <c r="D8" s="44"/>
      <c r="E8" s="40"/>
      <c r="F8" s="40"/>
      <c r="G8" s="40"/>
      <c r="H8" s="40"/>
      <c r="I8" s="40"/>
      <c r="J8" s="40"/>
      <c r="K8" s="40"/>
      <c r="L8" s="40"/>
      <c r="M8" s="41"/>
      <c r="N8" s="39"/>
      <c r="O8" s="40"/>
      <c r="P8" s="40"/>
      <c r="Q8" s="40"/>
      <c r="R8" s="40"/>
      <c r="S8" s="40"/>
      <c r="T8" s="40"/>
      <c r="U8" s="41"/>
      <c r="V8" s="39"/>
      <c r="W8" s="40"/>
      <c r="X8" s="40"/>
      <c r="Y8" s="40"/>
      <c r="Z8" s="40"/>
      <c r="AA8" s="40" t="s">
        <v>123</v>
      </c>
      <c r="AB8" s="40"/>
      <c r="AC8" s="40"/>
      <c r="AD8" s="40"/>
      <c r="AE8" s="41"/>
      <c r="AF8" s="39"/>
      <c r="AG8" s="40"/>
      <c r="AH8" s="40"/>
      <c r="AI8" s="40"/>
      <c r="AJ8" s="40"/>
      <c r="AK8" s="40"/>
      <c r="AL8" s="40"/>
      <c r="AM8" s="40"/>
      <c r="AN8" s="40"/>
      <c r="AO8" s="40"/>
      <c r="AP8" s="44"/>
      <c r="AQ8" s="44"/>
      <c r="AR8" s="39"/>
      <c r="AS8" s="40"/>
      <c r="AT8" s="40"/>
      <c r="AU8" s="40"/>
      <c r="AV8" s="40"/>
      <c r="AW8" s="40"/>
      <c r="AX8" s="40"/>
      <c r="AY8" s="40"/>
      <c r="AZ8" s="40"/>
      <c r="BA8" s="41"/>
    </row>
    <row r="9" spans="1:55" ht="26.5" thickBot="1" x14ac:dyDescent="0.6">
      <c r="A9" s="513"/>
      <c r="B9" s="514"/>
      <c r="C9" s="57" t="s">
        <v>62</v>
      </c>
      <c r="D9" s="56"/>
      <c r="E9" s="34"/>
      <c r="F9" s="34"/>
      <c r="G9" s="34"/>
      <c r="H9" s="34"/>
      <c r="I9" s="34"/>
      <c r="J9" s="34"/>
      <c r="K9" s="34"/>
      <c r="L9" s="34"/>
      <c r="M9" s="35"/>
      <c r="N9" s="33"/>
      <c r="O9" s="34"/>
      <c r="P9" s="34"/>
      <c r="Q9" s="34"/>
      <c r="R9" s="34"/>
      <c r="S9" s="34"/>
      <c r="T9" s="34"/>
      <c r="U9" s="35"/>
      <c r="V9" s="33"/>
      <c r="W9" s="34"/>
      <c r="X9" s="34" t="s">
        <v>123</v>
      </c>
      <c r="Y9" s="34"/>
      <c r="Z9" s="34"/>
      <c r="AA9" s="34"/>
      <c r="AB9" s="34"/>
      <c r="AC9" s="34"/>
      <c r="AD9" s="34"/>
      <c r="AE9" s="35"/>
      <c r="AF9" s="33"/>
      <c r="AG9" s="34"/>
      <c r="AH9" s="34"/>
      <c r="AI9" s="34"/>
      <c r="AJ9" s="34"/>
      <c r="AK9" s="34"/>
      <c r="AL9" s="34"/>
      <c r="AM9" s="34"/>
      <c r="AN9" s="34"/>
      <c r="AO9" s="34" t="s">
        <v>123</v>
      </c>
      <c r="AP9" s="45"/>
      <c r="AQ9" s="45"/>
      <c r="AR9" s="33"/>
      <c r="AS9" s="34"/>
      <c r="AT9" s="34"/>
      <c r="AU9" s="34"/>
      <c r="AV9" s="34"/>
      <c r="AW9" s="34"/>
      <c r="AX9" s="34"/>
      <c r="AY9" s="34"/>
      <c r="AZ9" s="34" t="s">
        <v>123</v>
      </c>
      <c r="BA9" s="35"/>
    </row>
    <row r="10" spans="1:55" ht="13.5" thickTop="1" x14ac:dyDescent="0.55000000000000004">
      <c r="A10" s="515" t="s">
        <v>13</v>
      </c>
      <c r="B10" s="271" t="s">
        <v>16</v>
      </c>
      <c r="C10" s="111" t="s">
        <v>33</v>
      </c>
      <c r="D10" s="117"/>
      <c r="E10" s="118" t="s">
        <v>122</v>
      </c>
      <c r="F10" s="118"/>
      <c r="G10" s="118"/>
      <c r="H10" s="118"/>
      <c r="I10" s="118" t="s">
        <v>124</v>
      </c>
      <c r="J10" s="118"/>
      <c r="K10" s="118"/>
      <c r="L10" s="118"/>
      <c r="M10" s="119"/>
      <c r="N10" s="17"/>
      <c r="O10" s="18"/>
      <c r="P10" s="18"/>
      <c r="Q10" s="18"/>
      <c r="R10" s="18"/>
      <c r="S10" s="18"/>
      <c r="T10" s="18"/>
      <c r="U10" s="19"/>
      <c r="V10" s="17"/>
      <c r="W10" s="18"/>
      <c r="X10" s="18"/>
      <c r="Y10" s="18"/>
      <c r="Z10" s="18"/>
      <c r="AA10" s="18"/>
      <c r="AB10" s="18"/>
      <c r="AC10" s="18"/>
      <c r="AD10" s="18"/>
      <c r="AE10" s="19"/>
      <c r="AF10" s="17"/>
      <c r="AG10" s="18"/>
      <c r="AH10" s="18"/>
      <c r="AI10" s="18"/>
      <c r="AJ10" s="18"/>
      <c r="AK10" s="18"/>
      <c r="AL10" s="18"/>
      <c r="AM10" s="18"/>
      <c r="AN10" s="18"/>
      <c r="AO10" s="18"/>
      <c r="AP10" s="46"/>
      <c r="AQ10" s="46"/>
      <c r="AR10" s="27"/>
      <c r="AS10" s="28"/>
      <c r="AT10" s="28"/>
      <c r="AU10" s="28"/>
      <c r="AV10" s="28"/>
      <c r="AW10" s="28"/>
      <c r="AX10" s="28"/>
      <c r="AY10" s="28"/>
      <c r="AZ10" s="28"/>
      <c r="BA10" s="29"/>
    </row>
    <row r="11" spans="1:55" x14ac:dyDescent="0.55000000000000004">
      <c r="A11" s="516"/>
      <c r="B11" s="304"/>
      <c r="C11" s="50" t="s">
        <v>34</v>
      </c>
      <c r="D11" s="43"/>
      <c r="E11" s="31"/>
      <c r="F11" s="31"/>
      <c r="G11" s="31"/>
      <c r="H11" s="31"/>
      <c r="I11" s="31"/>
      <c r="J11" s="31"/>
      <c r="K11" s="31"/>
      <c r="L11" s="31"/>
      <c r="M11" s="32"/>
      <c r="N11" s="20"/>
      <c r="O11" s="21"/>
      <c r="P11" s="21"/>
      <c r="Q11" s="21"/>
      <c r="R11" s="21"/>
      <c r="S11" s="21"/>
      <c r="T11" s="21"/>
      <c r="U11" s="22"/>
      <c r="V11" s="20"/>
      <c r="W11" s="21"/>
      <c r="X11" s="21"/>
      <c r="Y11" s="21"/>
      <c r="Z11" s="21"/>
      <c r="AA11" s="21"/>
      <c r="AB11" s="21"/>
      <c r="AC11" s="21"/>
      <c r="AD11" s="21"/>
      <c r="AE11" s="22"/>
      <c r="AF11" s="20"/>
      <c r="AG11" s="21"/>
      <c r="AH11" s="21"/>
      <c r="AI11" s="21"/>
      <c r="AJ11" s="21"/>
      <c r="AK11" s="21"/>
      <c r="AL11" s="21"/>
      <c r="AM11" s="21"/>
      <c r="AN11" s="21"/>
      <c r="AO11" s="21"/>
      <c r="AP11" s="47"/>
      <c r="AQ11" s="47"/>
      <c r="AR11" s="30"/>
      <c r="AS11" s="31" t="s">
        <v>122</v>
      </c>
      <c r="AT11" s="31"/>
      <c r="AU11" s="31"/>
      <c r="AV11" s="31" t="s">
        <v>124</v>
      </c>
      <c r="AW11" s="31"/>
      <c r="AX11" s="31"/>
      <c r="AY11" s="31"/>
      <c r="AZ11" s="31"/>
      <c r="BA11" s="32"/>
    </row>
    <row r="12" spans="1:55" x14ac:dyDescent="0.55000000000000004">
      <c r="A12" s="516"/>
      <c r="B12" s="304"/>
      <c r="C12" s="112" t="s">
        <v>35</v>
      </c>
      <c r="D12" s="120"/>
      <c r="E12" s="121"/>
      <c r="F12" s="121" t="s">
        <v>122</v>
      </c>
      <c r="G12" s="121"/>
      <c r="H12" s="121"/>
      <c r="I12" s="121"/>
      <c r="J12" s="121" t="s">
        <v>124</v>
      </c>
      <c r="K12" s="121"/>
      <c r="L12" s="121"/>
      <c r="M12" s="122"/>
      <c r="N12" s="20"/>
      <c r="O12" s="21"/>
      <c r="P12" s="21"/>
      <c r="Q12" s="21"/>
      <c r="R12" s="21"/>
      <c r="S12" s="21"/>
      <c r="T12" s="21"/>
      <c r="U12" s="22"/>
      <c r="V12" s="20"/>
      <c r="W12" s="21"/>
      <c r="X12" s="21"/>
      <c r="Y12" s="21"/>
      <c r="Z12" s="21"/>
      <c r="AA12" s="21"/>
      <c r="AB12" s="21"/>
      <c r="AC12" s="21"/>
      <c r="AD12" s="21"/>
      <c r="AE12" s="22"/>
      <c r="AF12" s="20"/>
      <c r="AG12" s="21"/>
      <c r="AH12" s="21"/>
      <c r="AI12" s="21"/>
      <c r="AJ12" s="21"/>
      <c r="AK12" s="21"/>
      <c r="AL12" s="21"/>
      <c r="AM12" s="21"/>
      <c r="AN12" s="21"/>
      <c r="AO12" s="21"/>
      <c r="AP12" s="47"/>
      <c r="AQ12" s="47"/>
      <c r="AR12" s="30"/>
      <c r="AS12" s="31"/>
      <c r="AT12" s="31"/>
      <c r="AU12" s="31"/>
      <c r="AV12" s="31"/>
      <c r="AW12" s="31"/>
      <c r="AX12" s="31"/>
      <c r="AY12" s="31"/>
      <c r="AZ12" s="31"/>
      <c r="BA12" s="32"/>
    </row>
    <row r="13" spans="1:55" x14ac:dyDescent="0.55000000000000004">
      <c r="A13" s="516"/>
      <c r="B13" s="304"/>
      <c r="C13" s="50" t="s">
        <v>36</v>
      </c>
      <c r="D13" s="43"/>
      <c r="E13" s="31"/>
      <c r="F13" s="31"/>
      <c r="G13" s="31"/>
      <c r="H13" s="31"/>
      <c r="I13" s="31"/>
      <c r="J13" s="31"/>
      <c r="K13" s="31"/>
      <c r="L13" s="31"/>
      <c r="M13" s="32"/>
      <c r="N13" s="20"/>
      <c r="O13" s="21"/>
      <c r="P13" s="21"/>
      <c r="Q13" s="21"/>
      <c r="R13" s="21"/>
      <c r="S13" s="21"/>
      <c r="T13" s="21"/>
      <c r="U13" s="22"/>
      <c r="V13" s="20"/>
      <c r="W13" s="21"/>
      <c r="X13" s="21"/>
      <c r="Y13" s="21"/>
      <c r="Z13" s="21"/>
      <c r="AA13" s="21"/>
      <c r="AB13" s="21"/>
      <c r="AC13" s="21"/>
      <c r="AD13" s="21"/>
      <c r="AE13" s="22"/>
      <c r="AF13" s="20"/>
      <c r="AG13" s="21"/>
      <c r="AH13" s="21"/>
      <c r="AI13" s="21"/>
      <c r="AJ13" s="21"/>
      <c r="AK13" s="21"/>
      <c r="AL13" s="21"/>
      <c r="AM13" s="21"/>
      <c r="AN13" s="21"/>
      <c r="AO13" s="21"/>
      <c r="AP13" s="47"/>
      <c r="AQ13" s="47"/>
      <c r="AR13" s="30"/>
      <c r="AS13" s="31"/>
      <c r="AT13" s="31" t="s">
        <v>122</v>
      </c>
      <c r="AU13" s="31"/>
      <c r="AV13" s="31"/>
      <c r="AW13" s="31" t="s">
        <v>124</v>
      </c>
      <c r="AX13" s="31"/>
      <c r="AY13" s="31"/>
      <c r="AZ13" s="31"/>
      <c r="BA13" s="32"/>
    </row>
    <row r="14" spans="1:55" x14ac:dyDescent="0.55000000000000004">
      <c r="A14" s="516"/>
      <c r="B14" s="496" t="s">
        <v>17</v>
      </c>
      <c r="C14" s="112" t="s">
        <v>37</v>
      </c>
      <c r="D14" s="120"/>
      <c r="E14" s="121"/>
      <c r="F14" s="121"/>
      <c r="G14" s="121"/>
      <c r="H14" s="121" t="s">
        <v>122</v>
      </c>
      <c r="I14" s="121"/>
      <c r="J14" s="121"/>
      <c r="K14" s="121" t="s">
        <v>124</v>
      </c>
      <c r="L14" s="121"/>
      <c r="M14" s="122"/>
      <c r="N14" s="20"/>
      <c r="O14" s="21"/>
      <c r="P14" s="21"/>
      <c r="Q14" s="21"/>
      <c r="R14" s="21"/>
      <c r="S14" s="21"/>
      <c r="T14" s="21"/>
      <c r="U14" s="22"/>
      <c r="V14" s="20"/>
      <c r="W14" s="21"/>
      <c r="X14" s="21"/>
      <c r="Y14" s="21"/>
      <c r="Z14" s="21"/>
      <c r="AA14" s="21"/>
      <c r="AB14" s="21"/>
      <c r="AC14" s="21"/>
      <c r="AD14" s="21"/>
      <c r="AE14" s="22"/>
      <c r="AF14" s="20"/>
      <c r="AG14" s="21"/>
      <c r="AH14" s="21"/>
      <c r="AI14" s="21"/>
      <c r="AJ14" s="21"/>
      <c r="AK14" s="21"/>
      <c r="AL14" s="21"/>
      <c r="AM14" s="21"/>
      <c r="AN14" s="21"/>
      <c r="AO14" s="21"/>
      <c r="AP14" s="47"/>
      <c r="AQ14" s="47"/>
      <c r="AR14" s="30"/>
      <c r="AS14" s="31"/>
      <c r="AT14" s="31"/>
      <c r="AU14" s="31"/>
      <c r="AV14" s="31"/>
      <c r="AW14" s="31"/>
      <c r="AX14" s="31"/>
      <c r="AY14" s="31"/>
      <c r="AZ14" s="31"/>
      <c r="BA14" s="32"/>
    </row>
    <row r="15" spans="1:55" x14ac:dyDescent="0.55000000000000004">
      <c r="A15" s="516"/>
      <c r="B15" s="496"/>
      <c r="C15" s="50" t="s">
        <v>38</v>
      </c>
      <c r="D15" s="43"/>
      <c r="E15" s="31"/>
      <c r="F15" s="31"/>
      <c r="G15" s="31"/>
      <c r="H15" s="31"/>
      <c r="I15" s="31"/>
      <c r="J15" s="31"/>
      <c r="K15" s="31"/>
      <c r="L15" s="31"/>
      <c r="M15" s="32"/>
      <c r="N15" s="20"/>
      <c r="O15" s="21"/>
      <c r="P15" s="21"/>
      <c r="Q15" s="21"/>
      <c r="R15" s="21"/>
      <c r="S15" s="21"/>
      <c r="T15" s="21"/>
      <c r="U15" s="22"/>
      <c r="V15" s="20"/>
      <c r="W15" s="21"/>
      <c r="X15" s="21"/>
      <c r="Y15" s="21"/>
      <c r="Z15" s="21"/>
      <c r="AA15" s="21"/>
      <c r="AB15" s="21"/>
      <c r="AC15" s="21"/>
      <c r="AD15" s="21"/>
      <c r="AE15" s="22"/>
      <c r="AF15" s="20"/>
      <c r="AG15" s="21"/>
      <c r="AH15" s="21"/>
      <c r="AI15" s="21"/>
      <c r="AJ15" s="21"/>
      <c r="AK15" s="21"/>
      <c r="AL15" s="21"/>
      <c r="AM15" s="21"/>
      <c r="AN15" s="21"/>
      <c r="AO15" s="21"/>
      <c r="AP15" s="47"/>
      <c r="AQ15" s="47"/>
      <c r="AR15" s="30"/>
      <c r="AS15" s="31"/>
      <c r="AT15" s="31"/>
      <c r="AU15" s="31" t="s">
        <v>122</v>
      </c>
      <c r="AV15" s="31"/>
      <c r="AW15" s="31"/>
      <c r="AX15" s="31" t="s">
        <v>124</v>
      </c>
      <c r="AY15" s="31"/>
      <c r="AZ15" s="31"/>
      <c r="BA15" s="32"/>
    </row>
    <row r="16" spans="1:55" x14ac:dyDescent="0.55000000000000004">
      <c r="A16" s="517"/>
      <c r="B16" s="497"/>
      <c r="C16" s="51" t="s">
        <v>39</v>
      </c>
      <c r="D16" s="45"/>
      <c r="E16" s="34"/>
      <c r="F16" s="34"/>
      <c r="G16" s="34"/>
      <c r="H16" s="34"/>
      <c r="I16" s="34"/>
      <c r="J16" s="34"/>
      <c r="K16" s="34"/>
      <c r="L16" s="34"/>
      <c r="M16" s="35"/>
      <c r="N16" s="23"/>
      <c r="O16" s="24"/>
      <c r="P16" s="24"/>
      <c r="Q16" s="24"/>
      <c r="R16" s="24"/>
      <c r="S16" s="24"/>
      <c r="T16" s="24"/>
      <c r="U16" s="25"/>
      <c r="V16" s="23"/>
      <c r="W16" s="24"/>
      <c r="X16" s="24"/>
      <c r="Y16" s="24"/>
      <c r="Z16" s="24"/>
      <c r="AA16" s="24"/>
      <c r="AB16" s="24"/>
      <c r="AC16" s="24"/>
      <c r="AD16" s="24"/>
      <c r="AE16" s="25"/>
      <c r="AF16" s="23"/>
      <c r="AG16" s="24"/>
      <c r="AH16" s="24"/>
      <c r="AI16" s="24"/>
      <c r="AJ16" s="24"/>
      <c r="AK16" s="24"/>
      <c r="AL16" s="24"/>
      <c r="AM16" s="24"/>
      <c r="AN16" s="24"/>
      <c r="AO16" s="24"/>
      <c r="AP16" s="48"/>
      <c r="AQ16" s="48"/>
      <c r="AR16" s="33"/>
      <c r="AS16" s="34"/>
      <c r="AT16" s="34"/>
      <c r="AU16" s="34"/>
      <c r="AV16" s="34" t="s">
        <v>122</v>
      </c>
      <c r="AW16" s="34"/>
      <c r="AX16" s="34"/>
      <c r="AY16" s="34" t="s">
        <v>124</v>
      </c>
      <c r="AZ16" s="34"/>
      <c r="BA16" s="35"/>
    </row>
    <row r="17" spans="1:53" x14ac:dyDescent="0.55000000000000004">
      <c r="A17" s="490" t="s">
        <v>14</v>
      </c>
      <c r="B17" s="493" t="s">
        <v>18</v>
      </c>
      <c r="C17" s="52" t="s">
        <v>40</v>
      </c>
      <c r="D17" s="46"/>
      <c r="E17" s="18"/>
      <c r="F17" s="18"/>
      <c r="G17" s="18"/>
      <c r="H17" s="18"/>
      <c r="I17" s="18"/>
      <c r="J17" s="18"/>
      <c r="K17" s="18"/>
      <c r="L17" s="18"/>
      <c r="M17" s="19"/>
      <c r="N17" s="27"/>
      <c r="O17" s="28"/>
      <c r="P17" s="28"/>
      <c r="Q17" s="28"/>
      <c r="R17" s="28"/>
      <c r="S17" s="28"/>
      <c r="T17" s="28"/>
      <c r="U17" s="29"/>
      <c r="V17" s="27" t="s">
        <v>122</v>
      </c>
      <c r="W17" s="28"/>
      <c r="X17" s="28"/>
      <c r="Y17" s="28"/>
      <c r="Z17" s="28" t="s">
        <v>124</v>
      </c>
      <c r="AA17" s="28"/>
      <c r="AB17" s="28"/>
      <c r="AC17" s="28"/>
      <c r="AD17" s="28"/>
      <c r="AE17" s="29"/>
      <c r="AF17" s="17"/>
      <c r="AG17" s="18"/>
      <c r="AH17" s="18"/>
      <c r="AI17" s="18"/>
      <c r="AJ17" s="18"/>
      <c r="AK17" s="18"/>
      <c r="AL17" s="18"/>
      <c r="AM17" s="18"/>
      <c r="AN17" s="18"/>
      <c r="AO17" s="18"/>
      <c r="AP17" s="46"/>
      <c r="AQ17" s="46"/>
      <c r="AR17" s="17"/>
      <c r="AS17" s="18"/>
      <c r="AT17" s="18"/>
      <c r="AU17" s="18"/>
      <c r="AV17" s="18"/>
      <c r="AW17" s="18"/>
      <c r="AX17" s="18"/>
      <c r="AY17" s="18"/>
      <c r="AZ17" s="18"/>
      <c r="BA17" s="19"/>
    </row>
    <row r="18" spans="1:53" x14ac:dyDescent="0.55000000000000004">
      <c r="A18" s="491"/>
      <c r="B18" s="304"/>
      <c r="C18" s="50" t="s">
        <v>41</v>
      </c>
      <c r="D18" s="47"/>
      <c r="E18" s="21"/>
      <c r="F18" s="21"/>
      <c r="G18" s="21"/>
      <c r="H18" s="21"/>
      <c r="I18" s="21"/>
      <c r="J18" s="21"/>
      <c r="K18" s="21"/>
      <c r="L18" s="21"/>
      <c r="M18" s="22"/>
      <c r="N18" s="30" t="s">
        <v>122</v>
      </c>
      <c r="O18" s="31"/>
      <c r="P18" s="31"/>
      <c r="Q18" s="31" t="s">
        <v>124</v>
      </c>
      <c r="R18" s="31"/>
      <c r="S18" s="31"/>
      <c r="T18" s="31"/>
      <c r="U18" s="32"/>
      <c r="V18" s="30" t="s">
        <v>122</v>
      </c>
      <c r="W18" s="31"/>
      <c r="X18" s="31"/>
      <c r="Y18" s="31"/>
      <c r="Z18" s="31"/>
      <c r="AA18" s="31" t="s">
        <v>124</v>
      </c>
      <c r="AB18" s="31"/>
      <c r="AC18" s="31"/>
      <c r="AD18" s="31"/>
      <c r="AE18" s="32"/>
      <c r="AF18" s="20"/>
      <c r="AG18" s="21"/>
      <c r="AH18" s="21"/>
      <c r="AI18" s="21"/>
      <c r="AJ18" s="21"/>
      <c r="AK18" s="21"/>
      <c r="AL18" s="21"/>
      <c r="AM18" s="21"/>
      <c r="AN18" s="21"/>
      <c r="AO18" s="21"/>
      <c r="AP18" s="47"/>
      <c r="AQ18" s="47"/>
      <c r="AR18" s="20"/>
      <c r="AS18" s="21"/>
      <c r="AT18" s="21"/>
      <c r="AU18" s="21"/>
      <c r="AV18" s="21"/>
      <c r="AW18" s="21"/>
      <c r="AX18" s="21"/>
      <c r="AY18" s="21"/>
      <c r="AZ18" s="21"/>
      <c r="BA18" s="22"/>
    </row>
    <row r="19" spans="1:53" x14ac:dyDescent="0.55000000000000004">
      <c r="A19" s="491"/>
      <c r="B19" s="304"/>
      <c r="C19" s="50" t="s">
        <v>42</v>
      </c>
      <c r="D19" s="47"/>
      <c r="E19" s="21"/>
      <c r="F19" s="21"/>
      <c r="G19" s="21"/>
      <c r="H19" s="21"/>
      <c r="I19" s="21"/>
      <c r="J19" s="21"/>
      <c r="K19" s="21"/>
      <c r="L19" s="21"/>
      <c r="M19" s="22"/>
      <c r="N19" s="30" t="s">
        <v>122</v>
      </c>
      <c r="O19" s="31"/>
      <c r="P19" s="31"/>
      <c r="Q19" s="31" t="s">
        <v>124</v>
      </c>
      <c r="R19" s="31"/>
      <c r="S19" s="31"/>
      <c r="T19" s="31"/>
      <c r="U19" s="32"/>
      <c r="V19" s="30"/>
      <c r="W19" s="31"/>
      <c r="X19" s="31"/>
      <c r="Y19" s="31"/>
      <c r="Z19" s="31"/>
      <c r="AA19" s="31"/>
      <c r="AB19" s="31"/>
      <c r="AC19" s="31"/>
      <c r="AD19" s="31"/>
      <c r="AE19" s="32"/>
      <c r="AF19" s="20"/>
      <c r="AG19" s="21"/>
      <c r="AH19" s="21"/>
      <c r="AI19" s="21"/>
      <c r="AJ19" s="21"/>
      <c r="AK19" s="21"/>
      <c r="AL19" s="21"/>
      <c r="AM19" s="21"/>
      <c r="AN19" s="21"/>
      <c r="AO19" s="21"/>
      <c r="AP19" s="47"/>
      <c r="AQ19" s="47"/>
      <c r="AR19" s="20"/>
      <c r="AS19" s="21"/>
      <c r="AT19" s="21"/>
      <c r="AU19" s="21"/>
      <c r="AV19" s="21"/>
      <c r="AW19" s="21"/>
      <c r="AX19" s="21"/>
      <c r="AY19" s="21"/>
      <c r="AZ19" s="21"/>
      <c r="BA19" s="22"/>
    </row>
    <row r="20" spans="1:53" x14ac:dyDescent="0.55000000000000004">
      <c r="A20" s="491"/>
      <c r="B20" s="304"/>
      <c r="C20" s="50" t="s">
        <v>43</v>
      </c>
      <c r="D20" s="47"/>
      <c r="E20" s="21"/>
      <c r="F20" s="21"/>
      <c r="G20" s="21"/>
      <c r="H20" s="21"/>
      <c r="I20" s="21"/>
      <c r="J20" s="21"/>
      <c r="K20" s="21"/>
      <c r="L20" s="21"/>
      <c r="M20" s="22"/>
      <c r="N20" s="30"/>
      <c r="O20" s="31" t="s">
        <v>122</v>
      </c>
      <c r="P20" s="31"/>
      <c r="Q20" s="31"/>
      <c r="R20" s="31" t="s">
        <v>124</v>
      </c>
      <c r="S20" s="31"/>
      <c r="T20" s="31"/>
      <c r="U20" s="32"/>
      <c r="V20" s="30"/>
      <c r="W20" s="31" t="s">
        <v>122</v>
      </c>
      <c r="X20" s="31"/>
      <c r="Y20" s="31"/>
      <c r="Z20" s="31"/>
      <c r="AA20" s="31"/>
      <c r="AB20" s="31"/>
      <c r="AC20" s="31"/>
      <c r="AD20" s="31"/>
      <c r="AE20" s="32"/>
      <c r="AF20" s="20"/>
      <c r="AG20" s="21"/>
      <c r="AH20" s="21"/>
      <c r="AI20" s="21"/>
      <c r="AJ20" s="21"/>
      <c r="AK20" s="21"/>
      <c r="AL20" s="21"/>
      <c r="AM20" s="21"/>
      <c r="AN20" s="21"/>
      <c r="AO20" s="21"/>
      <c r="AP20" s="47"/>
      <c r="AQ20" s="47"/>
      <c r="AR20" s="20"/>
      <c r="AS20" s="21"/>
      <c r="AT20" s="21"/>
      <c r="AU20" s="21"/>
      <c r="AV20" s="21"/>
      <c r="AW20" s="21"/>
      <c r="AX20" s="21"/>
      <c r="AY20" s="21"/>
      <c r="AZ20" s="21"/>
      <c r="BA20" s="22"/>
    </row>
    <row r="21" spans="1:53" x14ac:dyDescent="0.55000000000000004">
      <c r="A21" s="491"/>
      <c r="B21" s="304"/>
      <c r="C21" s="50" t="s">
        <v>44</v>
      </c>
      <c r="D21" s="47"/>
      <c r="E21" s="21"/>
      <c r="F21" s="21"/>
      <c r="G21" s="21"/>
      <c r="H21" s="21"/>
      <c r="I21" s="21"/>
      <c r="J21" s="21"/>
      <c r="K21" s="21"/>
      <c r="L21" s="21"/>
      <c r="M21" s="22"/>
      <c r="N21" s="30"/>
      <c r="O21" s="31"/>
      <c r="P21" s="31"/>
      <c r="Q21" s="31"/>
      <c r="R21" s="31"/>
      <c r="S21" s="31"/>
      <c r="T21" s="31"/>
      <c r="U21" s="32"/>
      <c r="V21" s="30"/>
      <c r="W21" s="31"/>
      <c r="X21" s="31" t="s">
        <v>122</v>
      </c>
      <c r="Y21" s="31"/>
      <c r="Z21" s="31"/>
      <c r="AA21" s="31"/>
      <c r="AB21" s="31"/>
      <c r="AC21" s="31" t="s">
        <v>124</v>
      </c>
      <c r="AD21" s="31"/>
      <c r="AE21" s="32"/>
      <c r="AF21" s="20"/>
      <c r="AG21" s="21"/>
      <c r="AH21" s="21"/>
      <c r="AI21" s="21"/>
      <c r="AJ21" s="21"/>
      <c r="AK21" s="21"/>
      <c r="AL21" s="21"/>
      <c r="AM21" s="21"/>
      <c r="AN21" s="21"/>
      <c r="AO21" s="21"/>
      <c r="AP21" s="47"/>
      <c r="AQ21" s="47"/>
      <c r="AR21" s="20"/>
      <c r="AS21" s="21"/>
      <c r="AT21" s="21"/>
      <c r="AU21" s="21"/>
      <c r="AV21" s="21"/>
      <c r="AW21" s="21"/>
      <c r="AX21" s="21"/>
      <c r="AY21" s="21"/>
      <c r="AZ21" s="21"/>
      <c r="BA21" s="22"/>
    </row>
    <row r="22" spans="1:53" x14ac:dyDescent="0.55000000000000004">
      <c r="A22" s="491"/>
      <c r="B22" s="496" t="s">
        <v>19</v>
      </c>
      <c r="C22" s="50" t="s">
        <v>45</v>
      </c>
      <c r="D22" s="47"/>
      <c r="E22" s="21"/>
      <c r="F22" s="21"/>
      <c r="G22" s="21"/>
      <c r="H22" s="21"/>
      <c r="I22" s="21"/>
      <c r="J22" s="21"/>
      <c r="K22" s="21"/>
      <c r="L22" s="21"/>
      <c r="M22" s="22"/>
      <c r="N22" s="30"/>
      <c r="O22" s="31"/>
      <c r="P22" s="31"/>
      <c r="Q22" s="31" t="s">
        <v>122</v>
      </c>
      <c r="R22" s="31"/>
      <c r="S22" s="31"/>
      <c r="T22" s="31"/>
      <c r="U22" s="32"/>
      <c r="V22" s="30"/>
      <c r="W22" s="31"/>
      <c r="X22" s="31"/>
      <c r="Y22" s="31"/>
      <c r="Z22" s="31"/>
      <c r="AA22" s="31"/>
      <c r="AB22" s="31"/>
      <c r="AC22" s="31"/>
      <c r="AD22" s="31"/>
      <c r="AE22" s="32"/>
      <c r="AF22" s="20"/>
      <c r="AG22" s="21"/>
      <c r="AH22" s="21"/>
      <c r="AI22" s="21"/>
      <c r="AJ22" s="21"/>
      <c r="AK22" s="21"/>
      <c r="AL22" s="21"/>
      <c r="AM22" s="21"/>
      <c r="AN22" s="21"/>
      <c r="AO22" s="21"/>
      <c r="AP22" s="47"/>
      <c r="AQ22" s="47"/>
      <c r="AR22" s="20"/>
      <c r="AS22" s="21"/>
      <c r="AT22" s="21"/>
      <c r="AU22" s="21"/>
      <c r="AV22" s="21"/>
      <c r="AW22" s="21"/>
      <c r="AX22" s="21"/>
      <c r="AY22" s="21"/>
      <c r="AZ22" s="21"/>
      <c r="BA22" s="22"/>
    </row>
    <row r="23" spans="1:53" x14ac:dyDescent="0.55000000000000004">
      <c r="A23" s="491"/>
      <c r="B23" s="496"/>
      <c r="C23" s="50" t="s">
        <v>46</v>
      </c>
      <c r="D23" s="47"/>
      <c r="E23" s="21"/>
      <c r="F23" s="21"/>
      <c r="G23" s="21"/>
      <c r="H23" s="21"/>
      <c r="I23" s="21"/>
      <c r="J23" s="21"/>
      <c r="K23" s="21"/>
      <c r="L23" s="21"/>
      <c r="M23" s="22"/>
      <c r="N23" s="30"/>
      <c r="O23" s="31"/>
      <c r="P23" s="31"/>
      <c r="Q23" s="31"/>
      <c r="R23" s="31"/>
      <c r="S23" s="31" t="s">
        <v>122</v>
      </c>
      <c r="T23" s="31"/>
      <c r="U23" s="32"/>
      <c r="V23" s="30"/>
      <c r="W23" s="31"/>
      <c r="X23" s="31"/>
      <c r="Y23" s="31"/>
      <c r="Z23" s="31"/>
      <c r="AA23" s="31"/>
      <c r="AB23" s="31"/>
      <c r="AC23" s="31"/>
      <c r="AD23" s="31"/>
      <c r="AE23" s="32"/>
      <c r="AF23" s="20"/>
      <c r="AG23" s="21"/>
      <c r="AH23" s="21"/>
      <c r="AI23" s="21"/>
      <c r="AJ23" s="21"/>
      <c r="AK23" s="21"/>
      <c r="AL23" s="21"/>
      <c r="AM23" s="21"/>
      <c r="AN23" s="21"/>
      <c r="AO23" s="21"/>
      <c r="AP23" s="47"/>
      <c r="AQ23" s="47"/>
      <c r="AR23" s="20"/>
      <c r="AS23" s="21"/>
      <c r="AT23" s="21"/>
      <c r="AU23" s="21"/>
      <c r="AV23" s="21"/>
      <c r="AW23" s="21"/>
      <c r="AX23" s="21"/>
      <c r="AY23" s="21"/>
      <c r="AZ23" s="21"/>
      <c r="BA23" s="22"/>
    </row>
    <row r="24" spans="1:53" x14ac:dyDescent="0.55000000000000004">
      <c r="A24" s="495"/>
      <c r="B24" s="497"/>
      <c r="C24" s="51" t="s">
        <v>47</v>
      </c>
      <c r="D24" s="48"/>
      <c r="E24" s="24"/>
      <c r="F24" s="24"/>
      <c r="G24" s="24"/>
      <c r="H24" s="24"/>
      <c r="I24" s="24"/>
      <c r="J24" s="24"/>
      <c r="K24" s="24"/>
      <c r="L24" s="24"/>
      <c r="M24" s="25"/>
      <c r="N24" s="33"/>
      <c r="O24" s="34"/>
      <c r="P24" s="34"/>
      <c r="Q24" s="34"/>
      <c r="R24" s="34"/>
      <c r="S24" s="34"/>
      <c r="T24" s="34"/>
      <c r="U24" s="35"/>
      <c r="V24" s="33"/>
      <c r="W24" s="34"/>
      <c r="X24" s="34"/>
      <c r="Y24" s="34"/>
      <c r="Z24" s="34"/>
      <c r="AA24" s="34" t="s">
        <v>122</v>
      </c>
      <c r="AB24" s="34"/>
      <c r="AC24" s="34"/>
      <c r="AD24" s="34"/>
      <c r="AE24" s="35"/>
      <c r="AF24" s="23"/>
      <c r="AG24" s="24"/>
      <c r="AH24" s="24"/>
      <c r="AI24" s="24"/>
      <c r="AJ24" s="24"/>
      <c r="AK24" s="24"/>
      <c r="AL24" s="24"/>
      <c r="AM24" s="24"/>
      <c r="AN24" s="24"/>
      <c r="AO24" s="24"/>
      <c r="AP24" s="48"/>
      <c r="AQ24" s="48"/>
      <c r="AR24" s="23"/>
      <c r="AS24" s="24"/>
      <c r="AT24" s="24"/>
      <c r="AU24" s="24"/>
      <c r="AV24" s="24"/>
      <c r="AW24" s="24"/>
      <c r="AX24" s="24"/>
      <c r="AY24" s="24"/>
      <c r="AZ24" s="24"/>
      <c r="BA24" s="25"/>
    </row>
    <row r="25" spans="1:53" ht="26.15" customHeight="1" x14ac:dyDescent="0.55000000000000004">
      <c r="A25" s="490" t="s">
        <v>15</v>
      </c>
      <c r="B25" s="493" t="s">
        <v>20</v>
      </c>
      <c r="C25" s="52" t="s">
        <v>48</v>
      </c>
      <c r="D25" s="46"/>
      <c r="E25" s="18"/>
      <c r="F25" s="18"/>
      <c r="G25" s="18"/>
      <c r="H25" s="18"/>
      <c r="I25" s="18"/>
      <c r="J25" s="18"/>
      <c r="K25" s="18"/>
      <c r="L25" s="18"/>
      <c r="M25" s="19"/>
      <c r="N25" s="17"/>
      <c r="O25" s="18"/>
      <c r="P25" s="18"/>
      <c r="Q25" s="18"/>
      <c r="R25" s="18"/>
      <c r="S25" s="18"/>
      <c r="T25" s="18"/>
      <c r="U25" s="19"/>
      <c r="V25" s="17"/>
      <c r="W25" s="18"/>
      <c r="X25" s="18"/>
      <c r="Y25" s="18"/>
      <c r="Z25" s="18"/>
      <c r="AA25" s="18"/>
      <c r="AB25" s="18"/>
      <c r="AC25" s="18"/>
      <c r="AD25" s="18"/>
      <c r="AE25" s="19"/>
      <c r="AF25" s="27" t="s">
        <v>122</v>
      </c>
      <c r="AG25" s="28"/>
      <c r="AH25" s="28"/>
      <c r="AI25" s="28"/>
      <c r="AJ25" s="28" t="s">
        <v>124</v>
      </c>
      <c r="AK25" s="28"/>
      <c r="AL25" s="28"/>
      <c r="AM25" s="28"/>
      <c r="AN25" s="28"/>
      <c r="AO25" s="28"/>
      <c r="AP25" s="42"/>
      <c r="AQ25" s="42"/>
      <c r="AR25" s="17"/>
      <c r="AS25" s="18"/>
      <c r="AT25" s="18"/>
      <c r="AU25" s="18"/>
      <c r="AV25" s="18"/>
      <c r="AW25" s="18"/>
      <c r="AX25" s="18"/>
      <c r="AY25" s="18"/>
      <c r="AZ25" s="18"/>
      <c r="BA25" s="19"/>
    </row>
    <row r="26" spans="1:53" x14ac:dyDescent="0.55000000000000004">
      <c r="A26" s="491"/>
      <c r="B26" s="304"/>
      <c r="C26" s="50" t="s">
        <v>49</v>
      </c>
      <c r="D26" s="47"/>
      <c r="E26" s="21"/>
      <c r="F26" s="21"/>
      <c r="G26" s="21"/>
      <c r="H26" s="21"/>
      <c r="I26" s="21"/>
      <c r="J26" s="21"/>
      <c r="K26" s="21"/>
      <c r="L26" s="21"/>
      <c r="M26" s="22"/>
      <c r="N26" s="20"/>
      <c r="O26" s="21"/>
      <c r="P26" s="21"/>
      <c r="Q26" s="21"/>
      <c r="R26" s="21"/>
      <c r="S26" s="21"/>
      <c r="T26" s="21"/>
      <c r="U26" s="22"/>
      <c r="V26" s="20"/>
      <c r="W26" s="21"/>
      <c r="X26" s="21"/>
      <c r="Y26" s="21"/>
      <c r="Z26" s="21"/>
      <c r="AA26" s="21"/>
      <c r="AB26" s="21"/>
      <c r="AC26" s="21"/>
      <c r="AD26" s="21"/>
      <c r="AE26" s="22"/>
      <c r="AF26" s="30" t="s">
        <v>122</v>
      </c>
      <c r="AG26" s="31"/>
      <c r="AH26" s="31"/>
      <c r="AI26" s="31"/>
      <c r="AJ26" s="31" t="s">
        <v>124</v>
      </c>
      <c r="AK26" s="31"/>
      <c r="AL26" s="31"/>
      <c r="AM26" s="31"/>
      <c r="AN26" s="31"/>
      <c r="AO26" s="31"/>
      <c r="AP26" s="43"/>
      <c r="AQ26" s="43"/>
      <c r="AR26" s="20"/>
      <c r="AS26" s="21"/>
      <c r="AT26" s="21"/>
      <c r="AU26" s="21"/>
      <c r="AV26" s="21"/>
      <c r="AW26" s="21"/>
      <c r="AX26" s="21"/>
      <c r="AY26" s="21"/>
      <c r="AZ26" s="21"/>
      <c r="BA26" s="22"/>
    </row>
    <row r="27" spans="1:53" ht="27" customHeight="1" x14ac:dyDescent="0.55000000000000004">
      <c r="A27" s="491"/>
      <c r="B27" s="304" t="s">
        <v>21</v>
      </c>
      <c r="C27" s="50" t="s">
        <v>50</v>
      </c>
      <c r="D27" s="47"/>
      <c r="E27" s="21"/>
      <c r="F27" s="21"/>
      <c r="G27" s="21"/>
      <c r="H27" s="21"/>
      <c r="I27" s="21"/>
      <c r="J27" s="21"/>
      <c r="K27" s="21"/>
      <c r="L27" s="21"/>
      <c r="M27" s="22"/>
      <c r="N27" s="20"/>
      <c r="O27" s="21"/>
      <c r="P27" s="21"/>
      <c r="Q27" s="21"/>
      <c r="R27" s="21"/>
      <c r="S27" s="21"/>
      <c r="T27" s="21"/>
      <c r="U27" s="22"/>
      <c r="V27" s="20"/>
      <c r="W27" s="21"/>
      <c r="X27" s="21"/>
      <c r="Y27" s="21"/>
      <c r="Z27" s="21"/>
      <c r="AA27" s="21"/>
      <c r="AB27" s="21"/>
      <c r="AC27" s="21"/>
      <c r="AD27" s="21"/>
      <c r="AE27" s="22"/>
      <c r="AF27" s="30"/>
      <c r="AG27" s="31"/>
      <c r="AH27" s="31" t="s">
        <v>122</v>
      </c>
      <c r="AI27" s="31"/>
      <c r="AJ27" s="31"/>
      <c r="AK27" s="31"/>
      <c r="AL27" s="31"/>
      <c r="AM27" s="31"/>
      <c r="AN27" s="31"/>
      <c r="AO27" s="31"/>
      <c r="AP27" s="43"/>
      <c r="AQ27" s="43"/>
      <c r="AR27" s="20"/>
      <c r="AS27" s="21"/>
      <c r="AT27" s="21"/>
      <c r="AU27" s="21"/>
      <c r="AV27" s="21"/>
      <c r="AW27" s="21"/>
      <c r="AX27" s="21"/>
      <c r="AY27" s="21"/>
      <c r="AZ27" s="21"/>
      <c r="BA27" s="22"/>
    </row>
    <row r="28" spans="1:53" x14ac:dyDescent="0.55000000000000004">
      <c r="A28" s="491"/>
      <c r="B28" s="304"/>
      <c r="C28" s="50" t="s">
        <v>51</v>
      </c>
      <c r="D28" s="47"/>
      <c r="E28" s="21"/>
      <c r="F28" s="21"/>
      <c r="G28" s="21"/>
      <c r="H28" s="21"/>
      <c r="I28" s="21"/>
      <c r="J28" s="21"/>
      <c r="K28" s="21"/>
      <c r="L28" s="21"/>
      <c r="M28" s="22"/>
      <c r="N28" s="20"/>
      <c r="O28" s="21"/>
      <c r="P28" s="21"/>
      <c r="Q28" s="21"/>
      <c r="R28" s="21"/>
      <c r="S28" s="21"/>
      <c r="T28" s="21"/>
      <c r="U28" s="22"/>
      <c r="V28" s="20"/>
      <c r="W28" s="21"/>
      <c r="X28" s="21"/>
      <c r="Y28" s="21"/>
      <c r="Z28" s="21"/>
      <c r="AA28" s="21"/>
      <c r="AB28" s="21"/>
      <c r="AC28" s="21"/>
      <c r="AD28" s="21"/>
      <c r="AE28" s="22"/>
      <c r="AF28" s="30"/>
      <c r="AG28" s="31"/>
      <c r="AH28" s="31"/>
      <c r="AI28" s="31"/>
      <c r="AJ28" s="31"/>
      <c r="AK28" s="31"/>
      <c r="AL28" s="31"/>
      <c r="AM28" s="31"/>
      <c r="AN28" s="31"/>
      <c r="AO28" s="31"/>
      <c r="AP28" s="43"/>
      <c r="AQ28" s="43"/>
      <c r="AR28" s="20"/>
      <c r="AS28" s="21"/>
      <c r="AT28" s="21"/>
      <c r="AU28" s="21"/>
      <c r="AV28" s="21"/>
      <c r="AW28" s="21"/>
      <c r="AX28" s="21"/>
      <c r="AY28" s="21"/>
      <c r="AZ28" s="21"/>
      <c r="BA28" s="22"/>
    </row>
    <row r="29" spans="1:53" x14ac:dyDescent="0.55000000000000004">
      <c r="A29" s="491"/>
      <c r="B29" s="304" t="s">
        <v>16</v>
      </c>
      <c r="C29" s="50" t="s">
        <v>52</v>
      </c>
      <c r="D29" s="47"/>
      <c r="E29" s="21"/>
      <c r="F29" s="21"/>
      <c r="G29" s="21"/>
      <c r="H29" s="21"/>
      <c r="I29" s="21"/>
      <c r="J29" s="21"/>
      <c r="K29" s="21"/>
      <c r="L29" s="21"/>
      <c r="M29" s="22"/>
      <c r="N29" s="20"/>
      <c r="O29" s="21"/>
      <c r="P29" s="21"/>
      <c r="Q29" s="21"/>
      <c r="R29" s="21"/>
      <c r="S29" s="21"/>
      <c r="T29" s="21"/>
      <c r="U29" s="22"/>
      <c r="V29" s="20"/>
      <c r="W29" s="21"/>
      <c r="X29" s="21"/>
      <c r="Y29" s="21"/>
      <c r="Z29" s="21"/>
      <c r="AA29" s="21"/>
      <c r="AB29" s="21"/>
      <c r="AC29" s="21"/>
      <c r="AD29" s="21"/>
      <c r="AE29" s="22"/>
      <c r="AF29" s="30"/>
      <c r="AG29" s="31" t="s">
        <v>122</v>
      </c>
      <c r="AH29" s="31"/>
      <c r="AI29" s="31"/>
      <c r="AJ29" s="31"/>
      <c r="AK29" s="31"/>
      <c r="AL29" s="31" t="s">
        <v>124</v>
      </c>
      <c r="AM29" s="31"/>
      <c r="AN29" s="31"/>
      <c r="AO29" s="31"/>
      <c r="AP29" s="43"/>
      <c r="AQ29" s="43"/>
      <c r="AR29" s="20"/>
      <c r="AS29" s="21"/>
      <c r="AT29" s="21"/>
      <c r="AU29" s="21"/>
      <c r="AV29" s="21"/>
      <c r="AW29" s="21"/>
      <c r="AX29" s="21"/>
      <c r="AY29" s="21"/>
      <c r="AZ29" s="21"/>
      <c r="BA29" s="22"/>
    </row>
    <row r="30" spans="1:53" ht="26" x14ac:dyDescent="0.55000000000000004">
      <c r="A30" s="491"/>
      <c r="B30" s="304"/>
      <c r="C30" s="50" t="s">
        <v>63</v>
      </c>
      <c r="D30" s="47"/>
      <c r="E30" s="21"/>
      <c r="F30" s="21"/>
      <c r="G30" s="21"/>
      <c r="H30" s="21"/>
      <c r="I30" s="21"/>
      <c r="J30" s="21"/>
      <c r="K30" s="21"/>
      <c r="L30" s="21"/>
      <c r="M30" s="22"/>
      <c r="N30" s="20"/>
      <c r="O30" s="21"/>
      <c r="P30" s="21"/>
      <c r="Q30" s="21"/>
      <c r="R30" s="21"/>
      <c r="S30" s="21"/>
      <c r="T30" s="21"/>
      <c r="U30" s="22"/>
      <c r="V30" s="20"/>
      <c r="W30" s="21"/>
      <c r="X30" s="21"/>
      <c r="Y30" s="21"/>
      <c r="Z30" s="21"/>
      <c r="AA30" s="21"/>
      <c r="AB30" s="21"/>
      <c r="AC30" s="21"/>
      <c r="AD30" s="21"/>
      <c r="AE30" s="22"/>
      <c r="AF30" s="30"/>
      <c r="AG30" s="31" t="s">
        <v>122</v>
      </c>
      <c r="AH30" s="31"/>
      <c r="AI30" s="31"/>
      <c r="AJ30" s="31"/>
      <c r="AK30" s="31"/>
      <c r="AL30" s="31"/>
      <c r="AM30" s="31" t="s">
        <v>124</v>
      </c>
      <c r="AN30" s="31"/>
      <c r="AO30" s="31"/>
      <c r="AP30" s="43"/>
      <c r="AQ30" s="43"/>
      <c r="AR30" s="20"/>
      <c r="AS30" s="21"/>
      <c r="AT30" s="21"/>
      <c r="AU30" s="21"/>
      <c r="AV30" s="21"/>
      <c r="AW30" s="21"/>
      <c r="AX30" s="21"/>
      <c r="AY30" s="21"/>
      <c r="AZ30" s="21"/>
      <c r="BA30" s="22"/>
    </row>
    <row r="31" spans="1:53" x14ac:dyDescent="0.55000000000000004">
      <c r="A31" s="491"/>
      <c r="B31" s="304"/>
      <c r="C31" s="50" t="s">
        <v>53</v>
      </c>
      <c r="D31" s="47"/>
      <c r="E31" s="21"/>
      <c r="F31" s="21"/>
      <c r="G31" s="21"/>
      <c r="H31" s="21"/>
      <c r="I31" s="21"/>
      <c r="J31" s="21"/>
      <c r="K31" s="21"/>
      <c r="L31" s="21"/>
      <c r="M31" s="22"/>
      <c r="N31" s="20"/>
      <c r="O31" s="21"/>
      <c r="P31" s="21"/>
      <c r="Q31" s="21"/>
      <c r="R31" s="21"/>
      <c r="S31" s="21"/>
      <c r="T31" s="21"/>
      <c r="U31" s="22"/>
      <c r="V31" s="20"/>
      <c r="W31" s="21"/>
      <c r="X31" s="21"/>
      <c r="Y31" s="21"/>
      <c r="Z31" s="21"/>
      <c r="AA31" s="21"/>
      <c r="AB31" s="21"/>
      <c r="AC31" s="21"/>
      <c r="AD31" s="21"/>
      <c r="AE31" s="22"/>
      <c r="AF31" s="30"/>
      <c r="AG31" s="31"/>
      <c r="AH31" s="31"/>
      <c r="AI31" s="31" t="s">
        <v>122</v>
      </c>
      <c r="AJ31" s="31"/>
      <c r="AK31" s="31"/>
      <c r="AL31" s="31"/>
      <c r="AM31" s="31"/>
      <c r="AN31" s="31"/>
      <c r="AO31" s="31" t="s">
        <v>124</v>
      </c>
      <c r="AP31" s="43"/>
      <c r="AQ31" s="43"/>
      <c r="AR31" s="20"/>
      <c r="AS31" s="21"/>
      <c r="AT31" s="21"/>
      <c r="AU31" s="21"/>
      <c r="AV31" s="21"/>
      <c r="AW31" s="21"/>
      <c r="AX31" s="21"/>
      <c r="AY31" s="21"/>
      <c r="AZ31" s="21"/>
      <c r="BA31" s="22"/>
    </row>
    <row r="32" spans="1:53" x14ac:dyDescent="0.55000000000000004">
      <c r="A32" s="491"/>
      <c r="B32" s="304" t="s">
        <v>22</v>
      </c>
      <c r="C32" s="50" t="s">
        <v>54</v>
      </c>
      <c r="D32" s="47"/>
      <c r="E32" s="21"/>
      <c r="F32" s="21"/>
      <c r="G32" s="21"/>
      <c r="H32" s="21"/>
      <c r="I32" s="21"/>
      <c r="J32" s="21"/>
      <c r="K32" s="21"/>
      <c r="L32" s="21"/>
      <c r="M32" s="22"/>
      <c r="N32" s="20"/>
      <c r="O32" s="21"/>
      <c r="P32" s="21"/>
      <c r="Q32" s="21"/>
      <c r="R32" s="21"/>
      <c r="S32" s="21"/>
      <c r="T32" s="21"/>
      <c r="U32" s="22"/>
      <c r="V32" s="20"/>
      <c r="W32" s="21"/>
      <c r="X32" s="21"/>
      <c r="Y32" s="21"/>
      <c r="Z32" s="21"/>
      <c r="AA32" s="21"/>
      <c r="AB32" s="21"/>
      <c r="AC32" s="21"/>
      <c r="AD32" s="21"/>
      <c r="AE32" s="22"/>
      <c r="AF32" s="30"/>
      <c r="AG32" s="31"/>
      <c r="AH32" s="31"/>
      <c r="AI32" s="31"/>
      <c r="AJ32" s="31"/>
      <c r="AK32" s="31"/>
      <c r="AL32" s="31" t="s">
        <v>122</v>
      </c>
      <c r="AM32" s="31"/>
      <c r="AN32" s="31"/>
      <c r="AO32" s="31"/>
      <c r="AP32" s="43"/>
      <c r="AQ32" s="43"/>
      <c r="AR32" s="20"/>
      <c r="AS32" s="21"/>
      <c r="AT32" s="21"/>
      <c r="AU32" s="21"/>
      <c r="AV32" s="21"/>
      <c r="AW32" s="21"/>
      <c r="AX32" s="21"/>
      <c r="AY32" s="21"/>
      <c r="AZ32" s="21"/>
      <c r="BA32" s="22"/>
    </row>
    <row r="33" spans="1:53" ht="26.5" thickBot="1" x14ac:dyDescent="0.6">
      <c r="A33" s="492"/>
      <c r="B33" s="494"/>
      <c r="C33" s="53" t="s">
        <v>64</v>
      </c>
      <c r="D33" s="48"/>
      <c r="E33" s="24"/>
      <c r="F33" s="24"/>
      <c r="G33" s="24"/>
      <c r="H33" s="24"/>
      <c r="I33" s="24"/>
      <c r="J33" s="24"/>
      <c r="K33" s="24"/>
      <c r="L33" s="24"/>
      <c r="M33" s="25"/>
      <c r="N33" s="23"/>
      <c r="O33" s="24"/>
      <c r="P33" s="24"/>
      <c r="Q33" s="24"/>
      <c r="R33" s="24"/>
      <c r="S33" s="24"/>
      <c r="T33" s="24"/>
      <c r="U33" s="25"/>
      <c r="V33" s="23"/>
      <c r="W33" s="24"/>
      <c r="X33" s="24"/>
      <c r="Y33" s="24"/>
      <c r="Z33" s="24"/>
      <c r="AA33" s="24"/>
      <c r="AB33" s="24"/>
      <c r="AC33" s="24"/>
      <c r="AD33" s="24"/>
      <c r="AE33" s="25"/>
      <c r="AF33" s="33"/>
      <c r="AG33" s="34"/>
      <c r="AH33" s="34"/>
      <c r="AI33" s="34"/>
      <c r="AJ33" s="34"/>
      <c r="AK33" s="34"/>
      <c r="AL33" s="34"/>
      <c r="AM33" s="34" t="s">
        <v>122</v>
      </c>
      <c r="AN33" s="34"/>
      <c r="AO33" s="34"/>
      <c r="AP33" s="45"/>
      <c r="AQ33" s="45"/>
      <c r="AR33" s="23"/>
      <c r="AS33" s="24"/>
      <c r="AT33" s="24"/>
      <c r="AU33" s="24"/>
      <c r="AV33" s="24"/>
      <c r="AW33" s="24"/>
      <c r="AX33" s="24"/>
      <c r="AY33" s="24"/>
      <c r="AZ33" s="24"/>
      <c r="BA33" s="25"/>
    </row>
    <row r="34" spans="1:53" ht="26.15" customHeight="1" x14ac:dyDescent="0.55000000000000004">
      <c r="A34" s="484" t="s">
        <v>65</v>
      </c>
      <c r="B34" s="485"/>
      <c r="C34" s="113" t="s">
        <v>66</v>
      </c>
      <c r="D34" s="117"/>
      <c r="E34" s="118"/>
      <c r="F34" s="118"/>
      <c r="G34" s="118"/>
      <c r="H34" s="118"/>
      <c r="I34" s="118"/>
      <c r="J34" s="118" t="s">
        <v>123</v>
      </c>
      <c r="K34" s="118"/>
      <c r="L34" s="118"/>
      <c r="M34" s="119"/>
      <c r="N34" s="27"/>
      <c r="O34" s="28"/>
      <c r="P34" s="28"/>
      <c r="Q34" s="28" t="s">
        <v>123</v>
      </c>
      <c r="R34" s="28"/>
      <c r="S34" s="28"/>
      <c r="T34" s="28"/>
      <c r="U34" s="29"/>
      <c r="V34" s="27"/>
      <c r="W34" s="28"/>
      <c r="X34" s="28" t="s">
        <v>123</v>
      </c>
      <c r="Y34" s="28"/>
      <c r="Z34" s="28"/>
      <c r="AA34" s="28"/>
      <c r="AB34" s="28"/>
      <c r="AC34" s="28"/>
      <c r="AD34" s="28"/>
      <c r="AE34" s="29"/>
      <c r="AF34" s="27"/>
      <c r="AG34" s="28"/>
      <c r="AH34" s="28"/>
      <c r="AI34" s="28"/>
      <c r="AJ34" s="28"/>
      <c r="AK34" s="28"/>
      <c r="AL34" s="28"/>
      <c r="AM34" s="28"/>
      <c r="AN34" s="28"/>
      <c r="AO34" s="28"/>
      <c r="AP34" s="42"/>
      <c r="AQ34" s="42"/>
      <c r="AR34" s="27"/>
      <c r="AS34" s="28"/>
      <c r="AT34" s="28"/>
      <c r="AU34" s="28"/>
      <c r="AV34" s="28"/>
      <c r="AW34" s="28"/>
      <c r="AX34" s="28"/>
      <c r="AY34" s="28"/>
      <c r="AZ34" s="28"/>
      <c r="BA34" s="29"/>
    </row>
    <row r="35" spans="1:53" ht="26" x14ac:dyDescent="0.55000000000000004">
      <c r="A35" s="486"/>
      <c r="B35" s="487"/>
      <c r="C35" s="50" t="s">
        <v>67</v>
      </c>
      <c r="D35" s="43"/>
      <c r="E35" s="31"/>
      <c r="F35" s="31"/>
      <c r="G35" s="31"/>
      <c r="H35" s="31"/>
      <c r="I35" s="31"/>
      <c r="J35" s="31"/>
      <c r="K35" s="31"/>
      <c r="L35" s="31"/>
      <c r="M35" s="32"/>
      <c r="N35" s="30"/>
      <c r="O35" s="31"/>
      <c r="P35" s="31"/>
      <c r="Q35" s="31"/>
      <c r="R35" s="31"/>
      <c r="S35" s="31"/>
      <c r="T35" s="31"/>
      <c r="U35" s="32"/>
      <c r="V35" s="30"/>
      <c r="W35" s="31"/>
      <c r="X35" s="31"/>
      <c r="Y35" s="31"/>
      <c r="Z35" s="31"/>
      <c r="AA35" s="31"/>
      <c r="AB35" s="31"/>
      <c r="AC35" s="31"/>
      <c r="AD35" s="31"/>
      <c r="AE35" s="32"/>
      <c r="AF35" s="30"/>
      <c r="AG35" s="31"/>
      <c r="AH35" s="31"/>
      <c r="AI35" s="31"/>
      <c r="AJ35" s="31"/>
      <c r="AK35" s="31" t="s">
        <v>123</v>
      </c>
      <c r="AL35" s="31"/>
      <c r="AM35" s="31"/>
      <c r="AN35" s="31"/>
      <c r="AO35" s="31"/>
      <c r="AP35" s="43"/>
      <c r="AQ35" s="43"/>
      <c r="AR35" s="30"/>
      <c r="AS35" s="31"/>
      <c r="AT35" s="31"/>
      <c r="AU35" s="31"/>
      <c r="AV35" s="31" t="s">
        <v>123</v>
      </c>
      <c r="AW35" s="31"/>
      <c r="AX35" s="31"/>
      <c r="AY35" s="31"/>
      <c r="AZ35" s="31"/>
      <c r="BA35" s="32"/>
    </row>
    <row r="36" spans="1:53" x14ac:dyDescent="0.55000000000000004">
      <c r="A36" s="486"/>
      <c r="B36" s="487"/>
      <c r="C36" s="50" t="s">
        <v>68</v>
      </c>
      <c r="D36" s="43"/>
      <c r="E36" s="31"/>
      <c r="F36" s="31"/>
      <c r="G36" s="31"/>
      <c r="H36" s="31"/>
      <c r="I36" s="31"/>
      <c r="J36" s="31"/>
      <c r="K36" s="31"/>
      <c r="L36" s="31"/>
      <c r="M36" s="32"/>
      <c r="N36" s="30"/>
      <c r="O36" s="31"/>
      <c r="P36" s="31"/>
      <c r="Q36" s="31"/>
      <c r="R36" s="31"/>
      <c r="S36" s="31"/>
      <c r="T36" s="31"/>
      <c r="U36" s="32"/>
      <c r="V36" s="30"/>
      <c r="W36" s="31"/>
      <c r="X36" s="31"/>
      <c r="Y36" s="31"/>
      <c r="Z36" s="31"/>
      <c r="AA36" s="31"/>
      <c r="AB36" s="31"/>
      <c r="AC36" s="31"/>
      <c r="AD36" s="31"/>
      <c r="AE36" s="32"/>
      <c r="AF36" s="30"/>
      <c r="AG36" s="31"/>
      <c r="AH36" s="31"/>
      <c r="AI36" s="31"/>
      <c r="AJ36" s="31"/>
      <c r="AK36" s="31"/>
      <c r="AL36" s="31"/>
      <c r="AM36" s="31"/>
      <c r="AN36" s="31" t="s">
        <v>123</v>
      </c>
      <c r="AO36" s="31"/>
      <c r="AP36" s="43"/>
      <c r="AQ36" s="43"/>
      <c r="AR36" s="30"/>
      <c r="AS36" s="31"/>
      <c r="AT36" s="31"/>
      <c r="AU36" s="31"/>
      <c r="AV36" s="31"/>
      <c r="AW36" s="31"/>
      <c r="AX36" s="31" t="s">
        <v>123</v>
      </c>
      <c r="AY36" s="31"/>
      <c r="AZ36" s="31"/>
      <c r="BA36" s="32"/>
    </row>
    <row r="37" spans="1:53" ht="27" customHeight="1" x14ac:dyDescent="0.55000000000000004">
      <c r="A37" s="486"/>
      <c r="B37" s="487"/>
      <c r="C37" s="50" t="s">
        <v>69</v>
      </c>
      <c r="D37" s="43"/>
      <c r="E37" s="31"/>
      <c r="F37" s="31"/>
      <c r="G37" s="31"/>
      <c r="H37" s="31"/>
      <c r="I37" s="31"/>
      <c r="J37" s="31"/>
      <c r="K37" s="31"/>
      <c r="L37" s="31"/>
      <c r="M37" s="32"/>
      <c r="N37" s="30"/>
      <c r="O37" s="31"/>
      <c r="P37" s="31"/>
      <c r="Q37" s="31"/>
      <c r="R37" s="31"/>
      <c r="S37" s="31"/>
      <c r="T37" s="31"/>
      <c r="U37" s="32"/>
      <c r="V37" s="30"/>
      <c r="W37" s="31"/>
      <c r="X37" s="31"/>
      <c r="Y37" s="31"/>
      <c r="Z37" s="31"/>
      <c r="AA37" s="31"/>
      <c r="AB37" s="31"/>
      <c r="AC37" s="31" t="s">
        <v>123</v>
      </c>
      <c r="AD37" s="31"/>
      <c r="AE37" s="32"/>
      <c r="AF37" s="30"/>
      <c r="AG37" s="31"/>
      <c r="AH37" s="31"/>
      <c r="AI37" s="31"/>
      <c r="AJ37" s="31"/>
      <c r="AK37" s="31"/>
      <c r="AL37" s="31"/>
      <c r="AM37" s="31"/>
      <c r="AN37" s="31"/>
      <c r="AO37" s="31"/>
      <c r="AP37" s="43"/>
      <c r="AQ37" s="43"/>
      <c r="AR37" s="30"/>
      <c r="AS37" s="31"/>
      <c r="AT37" s="31"/>
      <c r="AU37" s="31"/>
      <c r="AV37" s="31"/>
      <c r="AW37" s="31"/>
      <c r="AX37" s="31"/>
      <c r="AY37" s="31"/>
      <c r="AZ37" s="31"/>
      <c r="BA37" s="32"/>
    </row>
    <row r="38" spans="1:53" x14ac:dyDescent="0.55000000000000004">
      <c r="A38" s="486"/>
      <c r="B38" s="487"/>
      <c r="C38" s="112" t="s">
        <v>70</v>
      </c>
      <c r="D38" s="120"/>
      <c r="E38" s="121"/>
      <c r="F38" s="121"/>
      <c r="G38" s="121"/>
      <c r="H38" s="121"/>
      <c r="I38" s="121" t="s">
        <v>123</v>
      </c>
      <c r="J38" s="121"/>
      <c r="K38" s="121"/>
      <c r="L38" s="121"/>
      <c r="M38" s="122"/>
      <c r="N38" s="30"/>
      <c r="O38" s="31"/>
      <c r="P38" s="31"/>
      <c r="Q38" s="31"/>
      <c r="R38" s="31"/>
      <c r="S38" s="31"/>
      <c r="T38" s="31"/>
      <c r="U38" s="32"/>
      <c r="V38" s="30"/>
      <c r="W38" s="31"/>
      <c r="X38" s="31"/>
      <c r="Y38" s="31"/>
      <c r="Z38" s="31" t="s">
        <v>123</v>
      </c>
      <c r="AA38" s="31"/>
      <c r="AB38" s="31"/>
      <c r="AC38" s="31"/>
      <c r="AD38" s="31"/>
      <c r="AE38" s="32"/>
      <c r="AF38" s="30"/>
      <c r="AG38" s="31"/>
      <c r="AH38" s="31"/>
      <c r="AI38" s="31"/>
      <c r="AJ38" s="31"/>
      <c r="AK38" s="31"/>
      <c r="AL38" s="31"/>
      <c r="AM38" s="31"/>
      <c r="AN38" s="31"/>
      <c r="AO38" s="31"/>
      <c r="AP38" s="43"/>
      <c r="AQ38" s="43"/>
      <c r="AR38" s="30"/>
      <c r="AS38" s="31"/>
      <c r="AT38" s="31"/>
      <c r="AU38" s="31"/>
      <c r="AV38" s="31"/>
      <c r="AW38" s="31"/>
      <c r="AX38" s="31"/>
      <c r="AY38" s="31"/>
      <c r="AZ38" s="31"/>
      <c r="BA38" s="32"/>
    </row>
    <row r="39" spans="1:53" ht="26" x14ac:dyDescent="0.55000000000000004">
      <c r="A39" s="486"/>
      <c r="B39" s="487"/>
      <c r="C39" s="112" t="s">
        <v>71</v>
      </c>
      <c r="D39" s="120"/>
      <c r="E39" s="121"/>
      <c r="F39" s="121"/>
      <c r="G39" s="121"/>
      <c r="H39" s="121"/>
      <c r="I39" s="121"/>
      <c r="J39" s="121"/>
      <c r="K39" s="121"/>
      <c r="L39" s="121" t="s">
        <v>123</v>
      </c>
      <c r="M39" s="122"/>
      <c r="N39" s="30"/>
      <c r="O39" s="31"/>
      <c r="P39" s="31"/>
      <c r="Q39" s="31"/>
      <c r="R39" s="31" t="s">
        <v>123</v>
      </c>
      <c r="S39" s="31"/>
      <c r="T39" s="31"/>
      <c r="U39" s="32"/>
      <c r="V39" s="30"/>
      <c r="W39" s="31"/>
      <c r="X39" s="31"/>
      <c r="Y39" s="31"/>
      <c r="Z39" s="31"/>
      <c r="AA39" s="31"/>
      <c r="AB39" s="31"/>
      <c r="AC39" s="31"/>
      <c r="AD39" s="31"/>
      <c r="AE39" s="32"/>
      <c r="AF39" s="30"/>
      <c r="AG39" s="31"/>
      <c r="AH39" s="31"/>
      <c r="AI39" s="31"/>
      <c r="AJ39" s="31"/>
      <c r="AK39" s="31"/>
      <c r="AL39" s="31"/>
      <c r="AM39" s="31"/>
      <c r="AN39" s="31"/>
      <c r="AO39" s="31"/>
      <c r="AP39" s="43" t="s">
        <v>123</v>
      </c>
      <c r="AQ39" s="43"/>
      <c r="AR39" s="30"/>
      <c r="AS39" s="31"/>
      <c r="AT39" s="31"/>
      <c r="AU39" s="31"/>
      <c r="AV39" s="31"/>
      <c r="AW39" s="31"/>
      <c r="AX39" s="31"/>
      <c r="AY39" s="31"/>
      <c r="AZ39" s="31"/>
      <c r="BA39" s="32"/>
    </row>
    <row r="40" spans="1:53" ht="26.5" thickBot="1" x14ac:dyDescent="0.6">
      <c r="A40" s="488"/>
      <c r="B40" s="489"/>
      <c r="C40" s="53" t="s">
        <v>72</v>
      </c>
      <c r="D40" s="45"/>
      <c r="E40" s="34"/>
      <c r="F40" s="34"/>
      <c r="G40" s="34"/>
      <c r="H40" s="34"/>
      <c r="I40" s="34"/>
      <c r="J40" s="34"/>
      <c r="K40" s="34"/>
      <c r="L40" s="34"/>
      <c r="M40" s="35"/>
      <c r="N40" s="33"/>
      <c r="O40" s="34"/>
      <c r="P40" s="34"/>
      <c r="Q40" s="34"/>
      <c r="R40" s="34"/>
      <c r="S40" s="34" t="s">
        <v>123</v>
      </c>
      <c r="T40" s="34"/>
      <c r="U40" s="35"/>
      <c r="V40" s="33"/>
      <c r="W40" s="34"/>
      <c r="X40" s="34"/>
      <c r="Y40" s="34"/>
      <c r="Z40" s="34"/>
      <c r="AA40" s="34"/>
      <c r="AB40" s="34"/>
      <c r="AC40" s="34"/>
      <c r="AD40" s="34"/>
      <c r="AE40" s="35"/>
      <c r="AF40" s="33"/>
      <c r="AG40" s="34"/>
      <c r="AH40" s="34"/>
      <c r="AI40" s="34"/>
      <c r="AJ40" s="34"/>
      <c r="AK40" s="34"/>
      <c r="AL40" s="34" t="s">
        <v>123</v>
      </c>
      <c r="AM40" s="34"/>
      <c r="AN40" s="34"/>
      <c r="AO40" s="34"/>
      <c r="AP40" s="45"/>
      <c r="AQ40" s="45"/>
      <c r="AR40" s="33"/>
      <c r="AS40" s="34"/>
      <c r="AT40" s="34"/>
      <c r="AU40" s="34"/>
      <c r="AV40" s="34"/>
      <c r="AW40" s="34"/>
      <c r="AX40" s="34"/>
      <c r="AY40" s="34" t="s">
        <v>123</v>
      </c>
      <c r="AZ40" s="34"/>
      <c r="BA40" s="35"/>
    </row>
    <row r="41" spans="1:53" x14ac:dyDescent="0.55000000000000004">
      <c r="A41" s="484" t="s">
        <v>73</v>
      </c>
      <c r="B41" s="485"/>
      <c r="C41" s="49" t="s">
        <v>55</v>
      </c>
      <c r="D41" s="58"/>
      <c r="E41" s="37"/>
      <c r="F41" s="37"/>
      <c r="G41" s="37"/>
      <c r="H41" s="37"/>
      <c r="I41" s="37"/>
      <c r="J41" s="37"/>
      <c r="K41" s="37"/>
      <c r="L41" s="37"/>
      <c r="M41" s="38"/>
      <c r="N41" s="36" t="s">
        <v>122</v>
      </c>
      <c r="O41" s="37"/>
      <c r="P41" s="37"/>
      <c r="Q41" s="37"/>
      <c r="R41" s="37"/>
      <c r="S41" s="37"/>
      <c r="T41" s="37"/>
      <c r="U41" s="38" t="s">
        <v>124</v>
      </c>
      <c r="V41" s="36"/>
      <c r="W41" s="37"/>
      <c r="X41" s="37"/>
      <c r="Y41" s="37"/>
      <c r="Z41" s="37"/>
      <c r="AA41" s="37"/>
      <c r="AB41" s="37"/>
      <c r="AC41" s="37"/>
      <c r="AD41" s="37"/>
      <c r="AE41" s="38"/>
      <c r="AF41" s="36" t="s">
        <v>122</v>
      </c>
      <c r="AG41" s="37"/>
      <c r="AH41" s="37"/>
      <c r="AI41" s="37"/>
      <c r="AJ41" s="37"/>
      <c r="AK41" s="37"/>
      <c r="AL41" s="37"/>
      <c r="AM41" s="37"/>
      <c r="AN41" s="37"/>
      <c r="AO41" s="37"/>
      <c r="AP41" s="58"/>
      <c r="AQ41" s="58" t="s">
        <v>124</v>
      </c>
      <c r="AR41" s="36"/>
      <c r="AS41" s="37" t="s">
        <v>122</v>
      </c>
      <c r="AT41" s="37"/>
      <c r="AU41" s="37"/>
      <c r="AV41" s="37"/>
      <c r="AW41" s="37"/>
      <c r="AX41" s="37"/>
      <c r="AY41" s="37"/>
      <c r="AZ41" s="37"/>
      <c r="BA41" s="38" t="s">
        <v>124</v>
      </c>
    </row>
    <row r="42" spans="1:53" ht="26" x14ac:dyDescent="0.55000000000000004">
      <c r="A42" s="486"/>
      <c r="B42" s="487"/>
      <c r="C42" s="50" t="s">
        <v>74</v>
      </c>
      <c r="D42" s="43"/>
      <c r="E42" s="31"/>
      <c r="F42" s="31"/>
      <c r="G42" s="31"/>
      <c r="H42" s="31"/>
      <c r="I42" s="31"/>
      <c r="J42" s="31"/>
      <c r="K42" s="31"/>
      <c r="L42" s="31"/>
      <c r="M42" s="32"/>
      <c r="N42" s="30"/>
      <c r="O42" s="31"/>
      <c r="P42" s="31"/>
      <c r="Q42" s="31"/>
      <c r="R42" s="31"/>
      <c r="S42" s="31"/>
      <c r="T42" s="31"/>
      <c r="U42" s="32"/>
      <c r="V42" s="30"/>
      <c r="W42" s="31"/>
      <c r="X42" s="31" t="s">
        <v>122</v>
      </c>
      <c r="Y42" s="31"/>
      <c r="Z42" s="31"/>
      <c r="AA42" s="31"/>
      <c r="AB42" s="31"/>
      <c r="AC42" s="31"/>
      <c r="AD42" s="31"/>
      <c r="AE42" s="32" t="s">
        <v>124</v>
      </c>
      <c r="AF42" s="30"/>
      <c r="AG42" s="31"/>
      <c r="AH42" s="31"/>
      <c r="AI42" s="31" t="s">
        <v>122</v>
      </c>
      <c r="AJ42" s="31"/>
      <c r="AK42" s="31"/>
      <c r="AL42" s="31"/>
      <c r="AM42" s="31"/>
      <c r="AN42" s="31"/>
      <c r="AO42" s="31"/>
      <c r="AP42" s="43"/>
      <c r="AQ42" s="43" t="s">
        <v>124</v>
      </c>
      <c r="AR42" s="30"/>
      <c r="AS42" s="31"/>
      <c r="AT42" s="31"/>
      <c r="AU42" s="31"/>
      <c r="AV42" s="31"/>
      <c r="AW42" s="31" t="s">
        <v>122</v>
      </c>
      <c r="AX42" s="31"/>
      <c r="AY42" s="31"/>
      <c r="AZ42" s="31"/>
      <c r="BA42" s="32" t="s">
        <v>124</v>
      </c>
    </row>
    <row r="43" spans="1:53" x14ac:dyDescent="0.55000000000000004">
      <c r="A43" s="486"/>
      <c r="B43" s="487"/>
      <c r="C43" s="50" t="s">
        <v>56</v>
      </c>
      <c r="D43" s="43"/>
      <c r="E43" s="31"/>
      <c r="F43" s="31"/>
      <c r="G43" s="31"/>
      <c r="H43" s="31"/>
      <c r="I43" s="31"/>
      <c r="J43" s="31"/>
      <c r="K43" s="31"/>
      <c r="L43" s="31"/>
      <c r="M43" s="32"/>
      <c r="N43" s="30"/>
      <c r="O43" s="31"/>
      <c r="P43" s="31" t="s">
        <v>122</v>
      </c>
      <c r="Q43" s="31"/>
      <c r="R43" s="31"/>
      <c r="S43" s="31"/>
      <c r="T43" s="31"/>
      <c r="U43" s="32" t="s">
        <v>124</v>
      </c>
      <c r="V43" s="30"/>
      <c r="W43" s="31"/>
      <c r="X43" s="31"/>
      <c r="Y43" s="31"/>
      <c r="Z43" s="31"/>
      <c r="AA43" s="31"/>
      <c r="AB43" s="31"/>
      <c r="AC43" s="31"/>
      <c r="AD43" s="31"/>
      <c r="AE43" s="32"/>
      <c r="AF43" s="30"/>
      <c r="AG43" s="31"/>
      <c r="AH43" s="31"/>
      <c r="AI43" s="31"/>
      <c r="AJ43" s="31"/>
      <c r="AK43" s="31" t="s">
        <v>122</v>
      </c>
      <c r="AL43" s="31"/>
      <c r="AM43" s="31"/>
      <c r="AN43" s="31"/>
      <c r="AO43" s="31"/>
      <c r="AP43" s="43"/>
      <c r="AQ43" s="43" t="s">
        <v>124</v>
      </c>
      <c r="AR43" s="30"/>
      <c r="AS43" s="31"/>
      <c r="AT43" s="31"/>
      <c r="AU43" s="31"/>
      <c r="AV43" s="31"/>
      <c r="AW43" s="31"/>
      <c r="AX43" s="31"/>
      <c r="AY43" s="31"/>
      <c r="AZ43" s="31"/>
      <c r="BA43" s="32"/>
    </row>
    <row r="44" spans="1:53" x14ac:dyDescent="0.55000000000000004">
      <c r="A44" s="486"/>
      <c r="B44" s="487"/>
      <c r="C44" s="50" t="s">
        <v>57</v>
      </c>
      <c r="D44" s="43"/>
      <c r="E44" s="31"/>
      <c r="F44" s="31"/>
      <c r="G44" s="31"/>
      <c r="H44" s="31"/>
      <c r="I44" s="31"/>
      <c r="J44" s="31"/>
      <c r="K44" s="31"/>
      <c r="L44" s="31"/>
      <c r="M44" s="32"/>
      <c r="N44" s="30"/>
      <c r="O44" s="31"/>
      <c r="P44" s="31"/>
      <c r="Q44" s="31"/>
      <c r="R44" s="31"/>
      <c r="S44" s="31"/>
      <c r="T44" s="31"/>
      <c r="U44" s="32"/>
      <c r="V44" s="30"/>
      <c r="W44" s="31"/>
      <c r="X44" s="31"/>
      <c r="Y44" s="31"/>
      <c r="Z44" s="31"/>
      <c r="AA44" s="31"/>
      <c r="AB44" s="31" t="s">
        <v>122</v>
      </c>
      <c r="AC44" s="31"/>
      <c r="AD44" s="31"/>
      <c r="AE44" s="32" t="s">
        <v>124</v>
      </c>
      <c r="AF44" s="30"/>
      <c r="AG44" s="31"/>
      <c r="AH44" s="31"/>
      <c r="AI44" s="31"/>
      <c r="AJ44" s="31"/>
      <c r="AK44" s="31"/>
      <c r="AL44" s="31"/>
      <c r="AM44" s="31"/>
      <c r="AN44" s="31"/>
      <c r="AO44" s="31"/>
      <c r="AP44" s="43"/>
      <c r="AQ44" s="43"/>
      <c r="AR44" s="30"/>
      <c r="AS44" s="31"/>
      <c r="AT44" s="31"/>
      <c r="AU44" s="31"/>
      <c r="AV44" s="31"/>
      <c r="AW44" s="31"/>
      <c r="AX44" s="31"/>
      <c r="AY44" s="31" t="s">
        <v>122</v>
      </c>
      <c r="AZ44" s="31"/>
      <c r="BA44" s="32" t="s">
        <v>124</v>
      </c>
    </row>
    <row r="45" spans="1:53" ht="26" x14ac:dyDescent="0.55000000000000004">
      <c r="A45" s="486"/>
      <c r="B45" s="487"/>
      <c r="C45" s="112" t="s">
        <v>75</v>
      </c>
      <c r="D45" s="120"/>
      <c r="E45" s="121"/>
      <c r="F45" s="121"/>
      <c r="G45" s="121" t="s">
        <v>122</v>
      </c>
      <c r="H45" s="121"/>
      <c r="I45" s="121"/>
      <c r="J45" s="121"/>
      <c r="K45" s="121"/>
      <c r="L45" s="121"/>
      <c r="M45" s="122" t="s">
        <v>124</v>
      </c>
      <c r="N45" s="30"/>
      <c r="O45" s="31"/>
      <c r="P45" s="31"/>
      <c r="Q45" s="31"/>
      <c r="R45" s="31"/>
      <c r="S45" s="31"/>
      <c r="T45" s="31"/>
      <c r="U45" s="32"/>
      <c r="V45" s="30"/>
      <c r="W45" s="31"/>
      <c r="X45" s="31"/>
      <c r="Y45" s="31"/>
      <c r="Z45" s="31"/>
      <c r="AA45" s="31"/>
      <c r="AB45" s="31"/>
      <c r="AC45" s="31"/>
      <c r="AD45" s="31"/>
      <c r="AE45" s="32"/>
      <c r="AF45" s="30"/>
      <c r="AG45" s="31"/>
      <c r="AH45" s="31"/>
      <c r="AI45" s="31"/>
      <c r="AJ45" s="31"/>
      <c r="AK45" s="31"/>
      <c r="AL45" s="31"/>
      <c r="AM45" s="31"/>
      <c r="AN45" s="31"/>
      <c r="AO45" s="31"/>
      <c r="AP45" s="43"/>
      <c r="AQ45" s="43"/>
      <c r="AR45" s="30"/>
      <c r="AS45" s="31"/>
      <c r="AT45" s="31"/>
      <c r="AU45" s="31"/>
      <c r="AV45" s="31"/>
      <c r="AW45" s="31"/>
      <c r="AX45" s="31"/>
      <c r="AY45" s="31"/>
      <c r="AZ45" s="31"/>
      <c r="BA45" s="32"/>
    </row>
    <row r="46" spans="1:53" ht="13.5" thickBot="1" x14ac:dyDescent="0.6">
      <c r="A46" s="488"/>
      <c r="B46" s="489"/>
      <c r="C46" s="114" t="s">
        <v>58</v>
      </c>
      <c r="D46" s="123" t="s">
        <v>122</v>
      </c>
      <c r="E46" s="124"/>
      <c r="F46" s="124"/>
      <c r="G46" s="124"/>
      <c r="H46" s="124"/>
      <c r="I46" s="124"/>
      <c r="J46" s="124"/>
      <c r="K46" s="124"/>
      <c r="L46" s="124"/>
      <c r="M46" s="125" t="s">
        <v>124</v>
      </c>
      <c r="N46" s="33"/>
      <c r="O46" s="34" t="s">
        <v>122</v>
      </c>
      <c r="P46" s="34"/>
      <c r="Q46" s="34"/>
      <c r="R46" s="34"/>
      <c r="S46" s="34"/>
      <c r="T46" s="34"/>
      <c r="U46" s="35" t="s">
        <v>124</v>
      </c>
      <c r="V46" s="33"/>
      <c r="W46" s="34"/>
      <c r="X46" s="34"/>
      <c r="Y46" s="34"/>
      <c r="Z46" s="34"/>
      <c r="AA46" s="34"/>
      <c r="AB46" s="34"/>
      <c r="AC46" s="34"/>
      <c r="AD46" s="34"/>
      <c r="AE46" s="35"/>
      <c r="AF46" s="33"/>
      <c r="AG46" s="34"/>
      <c r="AH46" s="34"/>
      <c r="AI46" s="34"/>
      <c r="AJ46" s="34"/>
      <c r="AK46" s="34"/>
      <c r="AL46" s="34"/>
      <c r="AM46" s="34"/>
      <c r="AN46" s="34"/>
      <c r="AO46" s="34"/>
      <c r="AP46" s="45"/>
      <c r="AQ46" s="45"/>
      <c r="AR46" s="33"/>
      <c r="AS46" s="34"/>
      <c r="AT46" s="34"/>
      <c r="AU46" s="34"/>
      <c r="AV46" s="34"/>
      <c r="AW46" s="34"/>
      <c r="AX46" s="34"/>
      <c r="AY46" s="34"/>
      <c r="AZ46" s="34"/>
      <c r="BA46" s="35"/>
    </row>
  </sheetData>
  <mergeCells count="30">
    <mergeCell ref="AR2:BA2"/>
    <mergeCell ref="AR3:BA3"/>
    <mergeCell ref="B14:B16"/>
    <mergeCell ref="A1:C4"/>
    <mergeCell ref="N2:U2"/>
    <mergeCell ref="V2:AE2"/>
    <mergeCell ref="AF2:AQ2"/>
    <mergeCell ref="AR1:BA1"/>
    <mergeCell ref="D2:M2"/>
    <mergeCell ref="V1:AE1"/>
    <mergeCell ref="AF1:AQ1"/>
    <mergeCell ref="V3:AE3"/>
    <mergeCell ref="AF3:AQ3"/>
    <mergeCell ref="A17:A24"/>
    <mergeCell ref="B17:B21"/>
    <mergeCell ref="B22:B24"/>
    <mergeCell ref="D1:M1"/>
    <mergeCell ref="N1:U1"/>
    <mergeCell ref="D3:M3"/>
    <mergeCell ref="N3:U3"/>
    <mergeCell ref="A5:B9"/>
    <mergeCell ref="A10:A16"/>
    <mergeCell ref="B10:B13"/>
    <mergeCell ref="A41:B46"/>
    <mergeCell ref="A25:A33"/>
    <mergeCell ref="B25:B26"/>
    <mergeCell ref="B27:B28"/>
    <mergeCell ref="B29:B31"/>
    <mergeCell ref="B32:B33"/>
    <mergeCell ref="A34:B40"/>
  </mergeCells>
  <phoneticPr fontId="1"/>
  <dataValidations count="1">
    <dataValidation type="list" allowBlank="1" showInputMessage="1" showErrorMessage="1" sqref="D5:BA46">
      <formula1>$BB$1:$BB$4</formula1>
    </dataValidation>
  </dataValidations>
  <pageMargins left="0.7" right="0.7" top="0.75" bottom="0.75" header="0.3" footer="0.3"/>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W71"/>
  <sheetViews>
    <sheetView topLeftCell="K11" zoomScale="87" zoomScaleNormal="87" workbookViewId="0">
      <selection activeCell="I9" sqref="I9:O9"/>
    </sheetView>
  </sheetViews>
  <sheetFormatPr defaultColWidth="8.58203125" defaultRowHeight="18" x14ac:dyDescent="0.55000000000000004"/>
  <cols>
    <col min="1" max="1" width="5.33203125" style="6" customWidth="1"/>
    <col min="2" max="2" width="4.83203125" style="6" customWidth="1"/>
    <col min="3" max="3" width="15.33203125" style="6" customWidth="1"/>
    <col min="4" max="4" width="7" style="6" customWidth="1"/>
    <col min="5" max="5" width="7.08203125" style="6" customWidth="1"/>
    <col min="6" max="23" width="7" style="6" customWidth="1"/>
    <col min="24" max="16384" width="8.58203125" style="6"/>
  </cols>
  <sheetData>
    <row r="1" spans="1:23" ht="20.149999999999999" customHeight="1" x14ac:dyDescent="0.55000000000000004">
      <c r="A1" s="522" t="s">
        <v>6</v>
      </c>
      <c r="B1" s="522"/>
      <c r="C1" s="523"/>
      <c r="D1" s="524" t="s">
        <v>24</v>
      </c>
      <c r="E1" s="525"/>
      <c r="F1" s="525"/>
      <c r="G1" s="525"/>
      <c r="H1" s="525"/>
      <c r="I1" s="525"/>
      <c r="J1" s="525"/>
      <c r="K1" s="525"/>
      <c r="L1" s="525"/>
      <c r="M1" s="526"/>
      <c r="N1" s="388" t="s">
        <v>25</v>
      </c>
      <c r="O1" s="525"/>
      <c r="P1" s="525"/>
      <c r="Q1" s="525"/>
      <c r="R1" s="525"/>
      <c r="S1" s="525"/>
      <c r="T1" s="525"/>
      <c r="U1" s="525"/>
      <c r="V1" s="525"/>
      <c r="W1" s="526"/>
    </row>
    <row r="2" spans="1:23" ht="20.149999999999999" customHeight="1" x14ac:dyDescent="0.55000000000000004">
      <c r="A2" s="522"/>
      <c r="B2" s="522"/>
      <c r="C2" s="523"/>
      <c r="D2" s="88">
        <v>1</v>
      </c>
      <c r="E2" s="85">
        <v>2</v>
      </c>
      <c r="F2" s="85">
        <v>3</v>
      </c>
      <c r="G2" s="85">
        <v>4</v>
      </c>
      <c r="H2" s="85">
        <v>5</v>
      </c>
      <c r="I2" s="85">
        <v>6</v>
      </c>
      <c r="J2" s="85">
        <v>7</v>
      </c>
      <c r="K2" s="85">
        <v>8</v>
      </c>
      <c r="L2" s="85">
        <v>9</v>
      </c>
      <c r="M2" s="86">
        <v>10</v>
      </c>
      <c r="N2" s="87">
        <v>1</v>
      </c>
      <c r="O2" s="85">
        <v>2</v>
      </c>
      <c r="P2" s="85">
        <v>3</v>
      </c>
      <c r="Q2" s="85">
        <v>4</v>
      </c>
      <c r="R2" s="85">
        <v>5</v>
      </c>
      <c r="S2" s="85">
        <v>6</v>
      </c>
      <c r="T2" s="85">
        <v>7</v>
      </c>
      <c r="U2" s="85">
        <v>8</v>
      </c>
      <c r="V2" s="85">
        <v>9</v>
      </c>
      <c r="W2" s="89">
        <v>10</v>
      </c>
    </row>
    <row r="3" spans="1:23" ht="20.149999999999999" customHeight="1" x14ac:dyDescent="0.55000000000000004">
      <c r="A3" s="527" t="s">
        <v>3</v>
      </c>
      <c r="B3" s="530"/>
      <c r="C3" s="12">
        <v>0</v>
      </c>
      <c r="D3" s="14"/>
      <c r="E3" s="8"/>
      <c r="F3" s="8"/>
      <c r="G3" s="8"/>
      <c r="H3" s="8"/>
      <c r="I3" s="8"/>
      <c r="J3" s="8"/>
      <c r="K3" s="8"/>
      <c r="L3" s="8"/>
      <c r="M3" s="9"/>
      <c r="N3" s="8"/>
      <c r="O3" s="8"/>
      <c r="P3" s="8"/>
      <c r="Q3" s="8"/>
      <c r="R3" s="8"/>
      <c r="S3" s="8"/>
      <c r="T3" s="8"/>
      <c r="U3" s="8"/>
      <c r="V3" s="8"/>
      <c r="W3" s="9"/>
    </row>
    <row r="4" spans="1:23" ht="20.149999999999999" customHeight="1" x14ac:dyDescent="0.55000000000000004">
      <c r="A4" s="528"/>
      <c r="B4" s="531"/>
      <c r="C4" s="533">
        <v>10</v>
      </c>
      <c r="D4" s="15"/>
      <c r="E4" s="10"/>
      <c r="F4" s="10"/>
      <c r="G4" s="10"/>
      <c r="H4" s="10"/>
      <c r="I4" s="10"/>
      <c r="J4" s="10"/>
      <c r="K4" s="10"/>
      <c r="L4" s="10"/>
      <c r="M4" s="11"/>
      <c r="N4" s="10"/>
      <c r="O4" s="10"/>
      <c r="P4" s="10"/>
      <c r="Q4" s="10"/>
      <c r="R4" s="10"/>
      <c r="S4" s="10"/>
      <c r="T4" s="10"/>
      <c r="U4" s="10"/>
      <c r="V4" s="10"/>
      <c r="W4" s="11"/>
    </row>
    <row r="5" spans="1:23" ht="20.149999999999999" customHeight="1" x14ac:dyDescent="0.55000000000000004">
      <c r="A5" s="528"/>
      <c r="B5" s="531"/>
      <c r="C5" s="533"/>
      <c r="D5" s="15"/>
      <c r="E5" s="10"/>
      <c r="F5" s="10"/>
      <c r="G5" s="10"/>
      <c r="H5" s="10"/>
      <c r="I5" s="10"/>
      <c r="J5" s="10"/>
      <c r="K5" s="10"/>
      <c r="L5" s="10"/>
      <c r="M5" s="11"/>
      <c r="N5" s="10"/>
      <c r="O5" s="10"/>
      <c r="P5" s="10"/>
      <c r="Q5" s="10"/>
      <c r="R5" s="10"/>
      <c r="S5" s="10"/>
      <c r="T5" s="10"/>
      <c r="U5" s="10"/>
      <c r="V5" s="10"/>
      <c r="W5" s="11"/>
    </row>
    <row r="6" spans="1:23" ht="20.149999999999999" customHeight="1" x14ac:dyDescent="0.55000000000000004">
      <c r="A6" s="528"/>
      <c r="B6" s="531"/>
      <c r="C6" s="533">
        <v>20</v>
      </c>
      <c r="D6" s="15"/>
      <c r="E6" s="10"/>
      <c r="F6" s="10"/>
      <c r="G6" s="10"/>
      <c r="H6" s="10"/>
      <c r="I6" s="10"/>
      <c r="J6" s="10"/>
      <c r="K6" s="10"/>
      <c r="L6" s="10"/>
      <c r="M6" s="11"/>
      <c r="N6" s="10"/>
      <c r="O6" s="10"/>
      <c r="P6" s="10"/>
      <c r="Q6" s="10"/>
      <c r="R6" s="10"/>
      <c r="S6" s="10"/>
      <c r="T6" s="10"/>
      <c r="U6" s="10"/>
      <c r="V6" s="10"/>
      <c r="W6" s="11"/>
    </row>
    <row r="7" spans="1:23" ht="20.149999999999999" customHeight="1" x14ac:dyDescent="0.55000000000000004">
      <c r="A7" s="528"/>
      <c r="B7" s="531"/>
      <c r="C7" s="533"/>
      <c r="D7" s="15"/>
      <c r="E7" s="10"/>
      <c r="F7" s="10"/>
      <c r="G7" s="10"/>
      <c r="H7" s="10"/>
      <c r="I7" s="10"/>
      <c r="J7" s="10"/>
      <c r="K7" s="10"/>
      <c r="L7" s="10"/>
      <c r="M7" s="11"/>
      <c r="N7" s="10"/>
      <c r="O7" s="10"/>
      <c r="P7" s="10"/>
      <c r="Q7" s="10"/>
      <c r="R7" s="10"/>
      <c r="S7" s="10"/>
      <c r="T7" s="10"/>
      <c r="U7" s="10"/>
      <c r="V7" s="10"/>
      <c r="W7" s="11"/>
    </row>
    <row r="8" spans="1:23" ht="20.149999999999999" customHeight="1" x14ac:dyDescent="0.55000000000000004">
      <c r="A8" s="528"/>
      <c r="B8" s="531"/>
      <c r="C8" s="533">
        <v>30</v>
      </c>
      <c r="D8" s="15"/>
      <c r="E8" s="10"/>
      <c r="F8" s="10"/>
      <c r="G8" s="10"/>
      <c r="H8" s="10"/>
      <c r="I8" s="10"/>
      <c r="J8" s="10"/>
      <c r="K8" s="10"/>
      <c r="L8" s="10"/>
      <c r="M8" s="11"/>
      <c r="N8" s="10"/>
      <c r="O8" s="10"/>
      <c r="P8" s="10"/>
      <c r="Q8" s="10"/>
      <c r="R8" s="10"/>
      <c r="S8" s="10"/>
      <c r="T8" s="10"/>
      <c r="U8" s="10"/>
      <c r="V8" s="10"/>
      <c r="W8" s="11"/>
    </row>
    <row r="9" spans="1:23" ht="20.149999999999999" customHeight="1" x14ac:dyDescent="0.55000000000000004">
      <c r="A9" s="528"/>
      <c r="B9" s="531"/>
      <c r="C9" s="533"/>
      <c r="D9" s="15"/>
      <c r="E9" s="10"/>
      <c r="F9" s="10"/>
      <c r="G9" s="10"/>
      <c r="H9" s="10"/>
      <c r="I9" s="10"/>
      <c r="J9" s="10"/>
      <c r="K9" s="10"/>
      <c r="L9" s="10"/>
      <c r="M9" s="11"/>
      <c r="N9" s="10"/>
      <c r="O9" s="10"/>
      <c r="P9" s="10"/>
      <c r="Q9" s="10"/>
      <c r="R9" s="10"/>
      <c r="S9" s="10"/>
      <c r="T9" s="10"/>
      <c r="U9" s="10"/>
      <c r="V9" s="10"/>
      <c r="W9" s="11"/>
    </row>
    <row r="10" spans="1:23" ht="20.149999999999999" customHeight="1" x14ac:dyDescent="0.55000000000000004">
      <c r="A10" s="528"/>
      <c r="B10" s="531"/>
      <c r="C10" s="533">
        <v>40</v>
      </c>
      <c r="D10" s="15"/>
      <c r="E10" s="10"/>
      <c r="F10" s="10"/>
      <c r="G10" s="10"/>
      <c r="H10" s="10"/>
      <c r="I10" s="10"/>
      <c r="J10" s="10"/>
      <c r="K10" s="10"/>
      <c r="L10" s="10"/>
      <c r="M10" s="11"/>
      <c r="N10" s="10"/>
      <c r="O10" s="10"/>
      <c r="P10" s="10"/>
      <c r="Q10" s="10"/>
      <c r="R10" s="10"/>
      <c r="S10" s="10"/>
      <c r="T10" s="10"/>
      <c r="U10" s="10"/>
      <c r="V10" s="10"/>
      <c r="W10" s="11"/>
    </row>
    <row r="11" spans="1:23" ht="20.149999999999999" customHeight="1" x14ac:dyDescent="0.55000000000000004">
      <c r="A11" s="528"/>
      <c r="B11" s="531"/>
      <c r="C11" s="533"/>
      <c r="D11" s="15"/>
      <c r="E11" s="10"/>
      <c r="F11" s="10"/>
      <c r="G11" s="10"/>
      <c r="H11" s="10"/>
      <c r="I11" s="10"/>
      <c r="J11" s="10"/>
      <c r="K11" s="10"/>
      <c r="L11" s="10"/>
      <c r="M11" s="11"/>
      <c r="N11" s="10"/>
      <c r="O11" s="10"/>
      <c r="P11" s="10"/>
      <c r="Q11" s="10"/>
      <c r="R11" s="10"/>
      <c r="S11" s="10"/>
      <c r="T11" s="10"/>
      <c r="U11" s="10"/>
      <c r="V11" s="10"/>
      <c r="W11" s="11"/>
    </row>
    <row r="12" spans="1:23" ht="20.149999999999999" customHeight="1" x14ac:dyDescent="0.55000000000000004">
      <c r="A12" s="529"/>
      <c r="B12" s="532"/>
      <c r="C12" s="13">
        <v>50</v>
      </c>
      <c r="D12" s="15"/>
      <c r="E12" s="10"/>
      <c r="F12" s="10"/>
      <c r="G12" s="10"/>
      <c r="H12" s="10"/>
      <c r="I12" s="10"/>
      <c r="J12" s="10"/>
      <c r="K12" s="10"/>
      <c r="L12" s="10"/>
      <c r="M12" s="11"/>
      <c r="N12" s="10"/>
      <c r="O12" s="10"/>
      <c r="P12" s="10"/>
      <c r="Q12" s="10"/>
      <c r="R12" s="10"/>
      <c r="S12" s="10"/>
      <c r="T12" s="10"/>
      <c r="U12" s="10"/>
      <c r="V12" s="10"/>
      <c r="W12" s="11"/>
    </row>
    <row r="13" spans="1:23" ht="9" customHeight="1" x14ac:dyDescent="0.55000000000000004">
      <c r="A13" s="390" t="s">
        <v>29</v>
      </c>
      <c r="B13" s="390" t="s">
        <v>1</v>
      </c>
      <c r="C13" s="94" t="str">
        <f>【手順１】!D5</f>
        <v>①球技の各型の各種目において用いられる技術や戦術、作戦には名称があり、それらを身に付けるためのポイントがあること</v>
      </c>
      <c r="D13" s="101" t="str">
        <f>【例】指導事項の配置!D5</f>
        <v>◎</v>
      </c>
      <c r="E13" s="100">
        <f>【例】指導事項の配置!E5</f>
        <v>0</v>
      </c>
      <c r="F13" s="100">
        <f>【例】指導事項の配置!F5</f>
        <v>0</v>
      </c>
      <c r="G13" s="100">
        <f>【例】指導事項の配置!G5</f>
        <v>0</v>
      </c>
      <c r="H13" s="100">
        <f>【例】指導事項の配置!H5</f>
        <v>0</v>
      </c>
      <c r="I13" s="100">
        <f>【例】指導事項の配置!I5</f>
        <v>0</v>
      </c>
      <c r="J13" s="100">
        <f>【例】指導事項の配置!J5</f>
        <v>0</v>
      </c>
      <c r="K13" s="100">
        <f>【例】指導事項の配置!K5</f>
        <v>0</v>
      </c>
      <c r="L13" s="100">
        <f>【例】指導事項の配置!L5</f>
        <v>0</v>
      </c>
      <c r="M13" s="102">
        <f>【例】指導事項の配置!M5</f>
        <v>0</v>
      </c>
      <c r="N13" s="108">
        <f>【例】指導事項の配置!AR5</f>
        <v>0</v>
      </c>
      <c r="O13" s="100">
        <f>【例】指導事項の配置!AS5</f>
        <v>0</v>
      </c>
      <c r="P13" s="100">
        <f>【例】指導事項の配置!AT5</f>
        <v>0</v>
      </c>
      <c r="Q13" s="100">
        <f>【例】指導事項の配置!AU5</f>
        <v>0</v>
      </c>
      <c r="R13" s="100">
        <f>【例】指導事項の配置!AV5</f>
        <v>0</v>
      </c>
      <c r="S13" s="100">
        <f>【例】指導事項の配置!AW5</f>
        <v>0</v>
      </c>
      <c r="T13" s="100">
        <f>【例】指導事項の配置!AX5</f>
        <v>0</v>
      </c>
      <c r="U13" s="100">
        <f>【例】指導事項の配置!AY5</f>
        <v>0</v>
      </c>
      <c r="V13" s="100">
        <f>【例】指導事項の配置!AZ5</f>
        <v>0</v>
      </c>
      <c r="W13" s="102">
        <f>【例】指導事項の配置!BA5</f>
        <v>0</v>
      </c>
    </row>
    <row r="14" spans="1:23" ht="9" customHeight="1" x14ac:dyDescent="0.55000000000000004">
      <c r="A14" s="391"/>
      <c r="B14" s="391"/>
      <c r="C14" s="97" t="str">
        <f>【手順１】!D6</f>
        <v>②戦術や作戦に応じて、技能をゲーム中に適切に発揮することが攻防のポイントであること</v>
      </c>
      <c r="D14" s="103">
        <f>【例】指導事項の配置!D6</f>
        <v>0</v>
      </c>
      <c r="E14" s="99">
        <f>【例】指導事項の配置!E6</f>
        <v>0</v>
      </c>
      <c r="F14" s="99">
        <f>【例】指導事項の配置!F6</f>
        <v>0</v>
      </c>
      <c r="G14" s="99">
        <f>【例】指導事項の配置!G6</f>
        <v>0</v>
      </c>
      <c r="H14" s="99">
        <f>【例】指導事項の配置!H6</f>
        <v>0</v>
      </c>
      <c r="I14" s="99">
        <f>【例】指導事項の配置!I6</f>
        <v>0</v>
      </c>
      <c r="J14" s="99">
        <f>【例】指導事項の配置!J6</f>
        <v>0</v>
      </c>
      <c r="K14" s="99">
        <f>【例】指導事項の配置!K6</f>
        <v>0</v>
      </c>
      <c r="L14" s="99">
        <f>【例】指導事項の配置!L6</f>
        <v>0</v>
      </c>
      <c r="M14" s="104">
        <f>【例】指導事項の配置!M6</f>
        <v>0</v>
      </c>
      <c r="N14" s="109" t="str">
        <f>【例】指導事項の配置!AR6</f>
        <v>◎</v>
      </c>
      <c r="O14" s="99">
        <f>【例】指導事項の配置!AS6</f>
        <v>0</v>
      </c>
      <c r="P14" s="99">
        <f>【例】指導事項の配置!AT6</f>
        <v>0</v>
      </c>
      <c r="Q14" s="99">
        <f>【例】指導事項の配置!AU6</f>
        <v>0</v>
      </c>
      <c r="R14" s="99">
        <f>【例】指導事項の配置!AV6</f>
        <v>0</v>
      </c>
      <c r="S14" s="99">
        <f>【例】指導事項の配置!AW6</f>
        <v>0</v>
      </c>
      <c r="T14" s="99">
        <f>【例】指導事項の配置!AX6</f>
        <v>0</v>
      </c>
      <c r="U14" s="99">
        <f>【例】指導事項の配置!AY6</f>
        <v>0</v>
      </c>
      <c r="V14" s="99">
        <f>【例】指導事項の配置!AZ6</f>
        <v>0</v>
      </c>
      <c r="W14" s="104">
        <f>【例】指導事項の配置!BA6</f>
        <v>0</v>
      </c>
    </row>
    <row r="15" spans="1:23" ht="9" customHeight="1" x14ac:dyDescent="0.55000000000000004">
      <c r="A15" s="391"/>
      <c r="B15" s="391"/>
      <c r="C15" s="97" t="str">
        <f>【手順１】!D7</f>
        <v>③ゲームに必要な技術と関連させた補助運動や部分練習を繰り返したり、継続して行ったりすることで、結果として体力を高めることができること</v>
      </c>
      <c r="D15" s="103">
        <f>【例】指導事項の配置!D7</f>
        <v>0</v>
      </c>
      <c r="E15" s="99" t="str">
        <f>【例】指導事項の配置!E7</f>
        <v>◎</v>
      </c>
      <c r="F15" s="99">
        <f>【例】指導事項の配置!F7</f>
        <v>0</v>
      </c>
      <c r="G15" s="99" t="str">
        <f>【例】指導事項の配置!G7</f>
        <v>◎</v>
      </c>
      <c r="H15" s="99">
        <f>【例】指導事項の配置!H7</f>
        <v>0</v>
      </c>
      <c r="I15" s="99">
        <f>【例】指導事項の配置!I7</f>
        <v>0</v>
      </c>
      <c r="J15" s="99">
        <f>【例】指導事項の配置!J7</f>
        <v>0</v>
      </c>
      <c r="K15" s="99">
        <f>【例】指導事項の配置!K7</f>
        <v>0</v>
      </c>
      <c r="L15" s="99">
        <f>【例】指導事項の配置!L7</f>
        <v>0</v>
      </c>
      <c r="M15" s="104">
        <f>【例】指導事項の配置!M7</f>
        <v>0</v>
      </c>
      <c r="N15" s="109">
        <f>【例】指導事項の配置!AR7</f>
        <v>0</v>
      </c>
      <c r="O15" s="99">
        <f>【例】指導事項の配置!AS7</f>
        <v>0</v>
      </c>
      <c r="P15" s="99">
        <f>【例】指導事項の配置!AT7</f>
        <v>0</v>
      </c>
      <c r="Q15" s="99" t="str">
        <f>【例】指導事項の配置!AU7</f>
        <v>◎</v>
      </c>
      <c r="R15" s="99">
        <f>【例】指導事項の配置!AV7</f>
        <v>0</v>
      </c>
      <c r="S15" s="99" t="str">
        <f>【例】指導事項の配置!AW7</f>
        <v>◎</v>
      </c>
      <c r="T15" s="99">
        <f>【例】指導事項の配置!AX7</f>
        <v>0</v>
      </c>
      <c r="U15" s="99">
        <f>【例】指導事項の配置!AY7</f>
        <v>0</v>
      </c>
      <c r="V15" s="99">
        <f>【例】指導事項の配置!AZ7</f>
        <v>0</v>
      </c>
      <c r="W15" s="104">
        <f>【例】指導事項の配置!BA7</f>
        <v>0</v>
      </c>
    </row>
    <row r="16" spans="1:23" ht="9" customHeight="1" x14ac:dyDescent="0.55000000000000004">
      <c r="A16" s="391"/>
      <c r="B16" s="391"/>
      <c r="C16" s="97" t="str">
        <f>【手順１】!D8</f>
        <v>④練習やゲーム中の技能を観察したり分析したりするには、自己観察や他者観察などの方法があること</v>
      </c>
      <c r="D16" s="103">
        <f>【例】指導事項の配置!D8</f>
        <v>0</v>
      </c>
      <c r="E16" s="99">
        <f>【例】指導事項の配置!E8</f>
        <v>0</v>
      </c>
      <c r="F16" s="99">
        <f>【例】指導事項の配置!F8</f>
        <v>0</v>
      </c>
      <c r="G16" s="99">
        <f>【例】指導事項の配置!G8</f>
        <v>0</v>
      </c>
      <c r="H16" s="99">
        <f>【例】指導事項の配置!H8</f>
        <v>0</v>
      </c>
      <c r="I16" s="99">
        <f>【例】指導事項の配置!I8</f>
        <v>0</v>
      </c>
      <c r="J16" s="99">
        <f>【例】指導事項の配置!J8</f>
        <v>0</v>
      </c>
      <c r="K16" s="99">
        <f>【例】指導事項の配置!K8</f>
        <v>0</v>
      </c>
      <c r="L16" s="99">
        <f>【例】指導事項の配置!L8</f>
        <v>0</v>
      </c>
      <c r="M16" s="104">
        <f>【例】指導事項の配置!M8</f>
        <v>0</v>
      </c>
      <c r="N16" s="109">
        <f>【例】指導事項の配置!AR8</f>
        <v>0</v>
      </c>
      <c r="O16" s="99">
        <f>【例】指導事項の配置!AS8</f>
        <v>0</v>
      </c>
      <c r="P16" s="99">
        <f>【例】指導事項の配置!AT8</f>
        <v>0</v>
      </c>
      <c r="Q16" s="99">
        <f>【例】指導事項の配置!AU8</f>
        <v>0</v>
      </c>
      <c r="R16" s="99">
        <f>【例】指導事項の配置!AV8</f>
        <v>0</v>
      </c>
      <c r="S16" s="99">
        <f>【例】指導事項の配置!AW8</f>
        <v>0</v>
      </c>
      <c r="T16" s="99">
        <f>【例】指導事項の配置!AX8</f>
        <v>0</v>
      </c>
      <c r="U16" s="99">
        <f>【例】指導事項の配置!AY8</f>
        <v>0</v>
      </c>
      <c r="V16" s="99">
        <f>【例】指導事項の配置!AZ8</f>
        <v>0</v>
      </c>
      <c r="W16" s="104">
        <f>【例】指導事項の配置!BA8</f>
        <v>0</v>
      </c>
    </row>
    <row r="17" spans="1:23" ht="9" customHeight="1" x14ac:dyDescent="0.55000000000000004">
      <c r="A17" s="391"/>
      <c r="B17" s="391"/>
      <c r="C17" s="98" t="e">
        <f>【手順１】!#REF!</f>
        <v>#REF!</v>
      </c>
      <c r="D17" s="105">
        <f>【例】指導事項の配置!D9</f>
        <v>0</v>
      </c>
      <c r="E17" s="106">
        <f>【例】指導事項の配置!E9</f>
        <v>0</v>
      </c>
      <c r="F17" s="106">
        <f>【例】指導事項の配置!F9</f>
        <v>0</v>
      </c>
      <c r="G17" s="106">
        <f>【例】指導事項の配置!G9</f>
        <v>0</v>
      </c>
      <c r="H17" s="106">
        <f>【例】指導事項の配置!H9</f>
        <v>0</v>
      </c>
      <c r="I17" s="106">
        <f>【例】指導事項の配置!I9</f>
        <v>0</v>
      </c>
      <c r="J17" s="106">
        <f>【例】指導事項の配置!J9</f>
        <v>0</v>
      </c>
      <c r="K17" s="106">
        <f>【例】指導事項の配置!K9</f>
        <v>0</v>
      </c>
      <c r="L17" s="106">
        <f>【例】指導事項の配置!L9</f>
        <v>0</v>
      </c>
      <c r="M17" s="107">
        <f>【例】指導事項の配置!M9</f>
        <v>0</v>
      </c>
      <c r="N17" s="110">
        <f>【例】指導事項の配置!AR9</f>
        <v>0</v>
      </c>
      <c r="O17" s="106">
        <f>【例】指導事項の配置!AS9</f>
        <v>0</v>
      </c>
      <c r="P17" s="106">
        <f>【例】指導事項の配置!AT9</f>
        <v>0</v>
      </c>
      <c r="Q17" s="106">
        <f>【例】指導事項の配置!AU9</f>
        <v>0</v>
      </c>
      <c r="R17" s="106">
        <f>【例】指導事項の配置!AV9</f>
        <v>0</v>
      </c>
      <c r="S17" s="106">
        <f>【例】指導事項の配置!AW9</f>
        <v>0</v>
      </c>
      <c r="T17" s="106">
        <f>【例】指導事項の配置!AX9</f>
        <v>0</v>
      </c>
      <c r="U17" s="106">
        <f>【例】指導事項の配置!AY9</f>
        <v>0</v>
      </c>
      <c r="V17" s="106" t="str">
        <f>【例】指導事項の配置!AZ9</f>
        <v>◎</v>
      </c>
      <c r="W17" s="107">
        <f>【例】指導事項の配置!BA9</f>
        <v>0</v>
      </c>
    </row>
    <row r="18" spans="1:23" ht="9" customHeight="1" x14ac:dyDescent="0.55000000000000004">
      <c r="A18" s="391"/>
      <c r="B18" s="390" t="s">
        <v>0</v>
      </c>
      <c r="C18" s="95" t="str">
        <f>【手順１】!D9</f>
        <v>①ゴールの枠内にシュートをコントロールすること</v>
      </c>
      <c r="D18" s="101">
        <f>【例】指導事項の配置!D10</f>
        <v>0</v>
      </c>
      <c r="E18" s="100" t="str">
        <f>【例】指導事項の配置!E10</f>
        <v>〇</v>
      </c>
      <c r="F18" s="100">
        <f>【例】指導事項の配置!F10</f>
        <v>0</v>
      </c>
      <c r="G18" s="100">
        <f>【例】指導事項の配置!G10</f>
        <v>0</v>
      </c>
      <c r="H18" s="100">
        <f>【例】指導事項の配置!H10</f>
        <v>0</v>
      </c>
      <c r="I18" s="100" t="str">
        <f>【例】指導事項の配置!I10</f>
        <v>●</v>
      </c>
      <c r="J18" s="100">
        <f>【例】指導事項の配置!J10</f>
        <v>0</v>
      </c>
      <c r="K18" s="100">
        <f>【例】指導事項の配置!K10</f>
        <v>0</v>
      </c>
      <c r="L18" s="100">
        <f>【例】指導事項の配置!L10</f>
        <v>0</v>
      </c>
      <c r="M18" s="102">
        <f>【例】指導事項の配置!M10</f>
        <v>0</v>
      </c>
      <c r="N18" s="108">
        <f>【例】指導事項の配置!AR10</f>
        <v>0</v>
      </c>
      <c r="O18" s="100">
        <f>【例】指導事項の配置!AS10</f>
        <v>0</v>
      </c>
      <c r="P18" s="100">
        <f>【例】指導事項の配置!AT10</f>
        <v>0</v>
      </c>
      <c r="Q18" s="100">
        <f>【例】指導事項の配置!AU10</f>
        <v>0</v>
      </c>
      <c r="R18" s="100">
        <f>【例】指導事項の配置!AV10</f>
        <v>0</v>
      </c>
      <c r="S18" s="100">
        <f>【例】指導事項の配置!AW10</f>
        <v>0</v>
      </c>
      <c r="T18" s="100">
        <f>【例】指導事項の配置!AX10</f>
        <v>0</v>
      </c>
      <c r="U18" s="100">
        <f>【例】指導事項の配置!AY10</f>
        <v>0</v>
      </c>
      <c r="V18" s="100">
        <f>【例】指導事項の配置!AZ10</f>
        <v>0</v>
      </c>
      <c r="W18" s="102">
        <f>【例】指導事項の配置!BA10</f>
        <v>0</v>
      </c>
    </row>
    <row r="19" spans="1:23" ht="9" customHeight="1" x14ac:dyDescent="0.55000000000000004">
      <c r="A19" s="391"/>
      <c r="B19" s="391"/>
      <c r="C19" s="95" t="str">
        <f>【手順１】!D10</f>
        <v>②味方が操作しやすいパスを送ること</v>
      </c>
      <c r="D19" s="103">
        <f>【例】指導事項の配置!D11</f>
        <v>0</v>
      </c>
      <c r="E19" s="99">
        <f>【例】指導事項の配置!E11</f>
        <v>0</v>
      </c>
      <c r="F19" s="99">
        <f>【例】指導事項の配置!F11</f>
        <v>0</v>
      </c>
      <c r="G19" s="99">
        <f>【例】指導事項の配置!G11</f>
        <v>0</v>
      </c>
      <c r="H19" s="99">
        <f>【例】指導事項の配置!H11</f>
        <v>0</v>
      </c>
      <c r="I19" s="99">
        <f>【例】指導事項の配置!I11</f>
        <v>0</v>
      </c>
      <c r="J19" s="99">
        <f>【例】指導事項の配置!J11</f>
        <v>0</v>
      </c>
      <c r="K19" s="99">
        <f>【例】指導事項の配置!K11</f>
        <v>0</v>
      </c>
      <c r="L19" s="99">
        <f>【例】指導事項の配置!L11</f>
        <v>0</v>
      </c>
      <c r="M19" s="104">
        <f>【例】指導事項の配置!M11</f>
        <v>0</v>
      </c>
      <c r="N19" s="109">
        <f>【例】指導事項の配置!AR11</f>
        <v>0</v>
      </c>
      <c r="O19" s="99" t="str">
        <f>【例】指導事項の配置!AS11</f>
        <v>〇</v>
      </c>
      <c r="P19" s="99">
        <f>【例】指導事項の配置!AT11</f>
        <v>0</v>
      </c>
      <c r="Q19" s="99">
        <f>【例】指導事項の配置!AU11</f>
        <v>0</v>
      </c>
      <c r="R19" s="99" t="str">
        <f>【例】指導事項の配置!AV11</f>
        <v>●</v>
      </c>
      <c r="S19" s="99">
        <f>【例】指導事項の配置!AW11</f>
        <v>0</v>
      </c>
      <c r="T19" s="99">
        <f>【例】指導事項の配置!AX11</f>
        <v>0</v>
      </c>
      <c r="U19" s="99">
        <f>【例】指導事項の配置!AY11</f>
        <v>0</v>
      </c>
      <c r="V19" s="99">
        <f>【例】指導事項の配置!AZ11</f>
        <v>0</v>
      </c>
      <c r="W19" s="104">
        <f>【例】指導事項の配置!BA11</f>
        <v>0</v>
      </c>
    </row>
    <row r="20" spans="1:23" ht="9" customHeight="1" x14ac:dyDescent="0.55000000000000004">
      <c r="A20" s="391"/>
      <c r="B20" s="391"/>
      <c r="C20" s="95" t="str">
        <f>【手順１】!D11</f>
        <v>③守備者とボールの間に自分の体を入れてボールをキープすること</v>
      </c>
      <c r="D20" s="103">
        <f>【例】指導事項の配置!D12</f>
        <v>0</v>
      </c>
      <c r="E20" s="99">
        <f>【例】指導事項の配置!E12</f>
        <v>0</v>
      </c>
      <c r="F20" s="99" t="str">
        <f>【例】指導事項の配置!F12</f>
        <v>〇</v>
      </c>
      <c r="G20" s="99">
        <f>【例】指導事項の配置!G12</f>
        <v>0</v>
      </c>
      <c r="H20" s="99">
        <f>【例】指導事項の配置!H12</f>
        <v>0</v>
      </c>
      <c r="I20" s="99">
        <f>【例】指導事項の配置!I12</f>
        <v>0</v>
      </c>
      <c r="J20" s="99" t="str">
        <f>【例】指導事項の配置!J12</f>
        <v>●</v>
      </c>
      <c r="K20" s="99">
        <f>【例】指導事項の配置!K12</f>
        <v>0</v>
      </c>
      <c r="L20" s="99">
        <f>【例】指導事項の配置!L12</f>
        <v>0</v>
      </c>
      <c r="M20" s="104">
        <f>【例】指導事項の配置!M12</f>
        <v>0</v>
      </c>
      <c r="N20" s="109">
        <f>【例】指導事項の配置!AR12</f>
        <v>0</v>
      </c>
      <c r="O20" s="99">
        <f>【例】指導事項の配置!AS12</f>
        <v>0</v>
      </c>
      <c r="P20" s="99">
        <f>【例】指導事項の配置!AT12</f>
        <v>0</v>
      </c>
      <c r="Q20" s="99">
        <f>【例】指導事項の配置!AU12</f>
        <v>0</v>
      </c>
      <c r="R20" s="99">
        <f>【例】指導事項の配置!AV12</f>
        <v>0</v>
      </c>
      <c r="S20" s="99">
        <f>【例】指導事項の配置!AW12</f>
        <v>0</v>
      </c>
      <c r="T20" s="99">
        <f>【例】指導事項の配置!AX12</f>
        <v>0</v>
      </c>
      <c r="U20" s="99">
        <f>【例】指導事項の配置!AY12</f>
        <v>0</v>
      </c>
      <c r="V20" s="99">
        <f>【例】指導事項の配置!AZ12</f>
        <v>0</v>
      </c>
      <c r="W20" s="104">
        <f>【例】指導事項の配置!BA12</f>
        <v>0</v>
      </c>
    </row>
    <row r="21" spans="1:23" ht="9" customHeight="1" x14ac:dyDescent="0.55000000000000004">
      <c r="A21" s="391"/>
      <c r="B21" s="391"/>
      <c r="C21" s="95" t="e">
        <f>【手順１】!#REF!</f>
        <v>#REF!</v>
      </c>
      <c r="D21" s="103">
        <f>【例】指導事項の配置!D13</f>
        <v>0</v>
      </c>
      <c r="E21" s="99">
        <f>【例】指導事項の配置!E13</f>
        <v>0</v>
      </c>
      <c r="F21" s="99">
        <f>【例】指導事項の配置!F13</f>
        <v>0</v>
      </c>
      <c r="G21" s="99">
        <f>【例】指導事項の配置!G13</f>
        <v>0</v>
      </c>
      <c r="H21" s="99">
        <f>【例】指導事項の配置!H13</f>
        <v>0</v>
      </c>
      <c r="I21" s="99">
        <f>【例】指導事項の配置!I13</f>
        <v>0</v>
      </c>
      <c r="J21" s="99">
        <f>【例】指導事項の配置!J13</f>
        <v>0</v>
      </c>
      <c r="K21" s="99">
        <f>【例】指導事項の配置!K13</f>
        <v>0</v>
      </c>
      <c r="L21" s="99">
        <f>【例】指導事項の配置!L13</f>
        <v>0</v>
      </c>
      <c r="M21" s="104">
        <f>【例】指導事項の配置!M13</f>
        <v>0</v>
      </c>
      <c r="N21" s="109">
        <f>【例】指導事項の配置!AR13</f>
        <v>0</v>
      </c>
      <c r="O21" s="99">
        <f>【例】指導事項の配置!AS13</f>
        <v>0</v>
      </c>
      <c r="P21" s="99" t="str">
        <f>【例】指導事項の配置!AT13</f>
        <v>〇</v>
      </c>
      <c r="Q21" s="99">
        <f>【例】指導事項の配置!AU13</f>
        <v>0</v>
      </c>
      <c r="R21" s="99">
        <f>【例】指導事項の配置!AV13</f>
        <v>0</v>
      </c>
      <c r="S21" s="99" t="str">
        <f>【例】指導事項の配置!AW13</f>
        <v>●</v>
      </c>
      <c r="T21" s="99">
        <f>【例】指導事項の配置!AX13</f>
        <v>0</v>
      </c>
      <c r="U21" s="99">
        <f>【例】指導事項の配置!AY13</f>
        <v>0</v>
      </c>
      <c r="V21" s="99">
        <f>【例】指導事項の配置!AZ13</f>
        <v>0</v>
      </c>
      <c r="W21" s="104">
        <f>【例】指導事項の配置!BA13</f>
        <v>0</v>
      </c>
    </row>
    <row r="22" spans="1:23" ht="9" customHeight="1" x14ac:dyDescent="0.55000000000000004">
      <c r="A22" s="391"/>
      <c r="B22" s="391"/>
      <c r="C22" s="95" t="str">
        <f>【手順１】!D12</f>
        <v>④ゴール前に広い空間を作りだすために、守備者を引きつけてゴールから離れること</v>
      </c>
      <c r="D22" s="103">
        <f>【例】指導事項の配置!D14</f>
        <v>0</v>
      </c>
      <c r="E22" s="99">
        <f>【例】指導事項の配置!E14</f>
        <v>0</v>
      </c>
      <c r="F22" s="99">
        <f>【例】指導事項の配置!F14</f>
        <v>0</v>
      </c>
      <c r="G22" s="99">
        <f>【例】指導事項の配置!G14</f>
        <v>0</v>
      </c>
      <c r="H22" s="99" t="str">
        <f>【例】指導事項の配置!H14</f>
        <v>〇</v>
      </c>
      <c r="I22" s="99">
        <f>【例】指導事項の配置!I14</f>
        <v>0</v>
      </c>
      <c r="J22" s="99">
        <f>【例】指導事項の配置!J14</f>
        <v>0</v>
      </c>
      <c r="K22" s="99" t="str">
        <f>【例】指導事項の配置!K14</f>
        <v>●</v>
      </c>
      <c r="L22" s="99">
        <f>【例】指導事項の配置!L14</f>
        <v>0</v>
      </c>
      <c r="M22" s="104">
        <f>【例】指導事項の配置!M14</f>
        <v>0</v>
      </c>
      <c r="N22" s="109">
        <f>【例】指導事項の配置!AR14</f>
        <v>0</v>
      </c>
      <c r="O22" s="99">
        <f>【例】指導事項の配置!AS14</f>
        <v>0</v>
      </c>
      <c r="P22" s="99">
        <f>【例】指導事項の配置!AT14</f>
        <v>0</v>
      </c>
      <c r="Q22" s="99">
        <f>【例】指導事項の配置!AU14</f>
        <v>0</v>
      </c>
      <c r="R22" s="99">
        <f>【例】指導事項の配置!AV14</f>
        <v>0</v>
      </c>
      <c r="S22" s="99">
        <f>【例】指導事項の配置!AW14</f>
        <v>0</v>
      </c>
      <c r="T22" s="99">
        <f>【例】指導事項の配置!AX14</f>
        <v>0</v>
      </c>
      <c r="U22" s="99">
        <f>【例】指導事項の配置!AY14</f>
        <v>0</v>
      </c>
      <c r="V22" s="99">
        <f>【例】指導事項の配置!AZ14</f>
        <v>0</v>
      </c>
      <c r="W22" s="104">
        <f>【例】指導事項の配置!BA14</f>
        <v>0</v>
      </c>
    </row>
    <row r="23" spans="1:23" ht="9" customHeight="1" x14ac:dyDescent="0.55000000000000004">
      <c r="A23" s="391"/>
      <c r="B23" s="391"/>
      <c r="C23" s="95" t="str">
        <f>【手順１】!D13</f>
        <v>⑤パスを出した後に次のパスを受ける動きをすること</v>
      </c>
      <c r="D23" s="103">
        <f>【例】指導事項の配置!D15</f>
        <v>0</v>
      </c>
      <c r="E23" s="99">
        <f>【例】指導事項の配置!E15</f>
        <v>0</v>
      </c>
      <c r="F23" s="99">
        <f>【例】指導事項の配置!F15</f>
        <v>0</v>
      </c>
      <c r="G23" s="99">
        <f>【例】指導事項の配置!G15</f>
        <v>0</v>
      </c>
      <c r="H23" s="99">
        <f>【例】指導事項の配置!H15</f>
        <v>0</v>
      </c>
      <c r="I23" s="99">
        <f>【例】指導事項の配置!I15</f>
        <v>0</v>
      </c>
      <c r="J23" s="99">
        <f>【例】指導事項の配置!J15</f>
        <v>0</v>
      </c>
      <c r="K23" s="99">
        <f>【例】指導事項の配置!K15</f>
        <v>0</v>
      </c>
      <c r="L23" s="99">
        <f>【例】指導事項の配置!L15</f>
        <v>0</v>
      </c>
      <c r="M23" s="104">
        <f>【例】指導事項の配置!M15</f>
        <v>0</v>
      </c>
      <c r="N23" s="109">
        <f>【例】指導事項の配置!AR15</f>
        <v>0</v>
      </c>
      <c r="O23" s="99">
        <f>【例】指導事項の配置!AS15</f>
        <v>0</v>
      </c>
      <c r="P23" s="99">
        <f>【例】指導事項の配置!AT15</f>
        <v>0</v>
      </c>
      <c r="Q23" s="99" t="str">
        <f>【例】指導事項の配置!AU15</f>
        <v>〇</v>
      </c>
      <c r="R23" s="99">
        <f>【例】指導事項の配置!AV15</f>
        <v>0</v>
      </c>
      <c r="S23" s="99">
        <f>【例】指導事項の配置!AW15</f>
        <v>0</v>
      </c>
      <c r="T23" s="99" t="str">
        <f>【例】指導事項の配置!AX15</f>
        <v>●</v>
      </c>
      <c r="U23" s="99">
        <f>【例】指導事項の配置!AY15</f>
        <v>0</v>
      </c>
      <c r="V23" s="99">
        <f>【例】指導事項の配置!AZ15</f>
        <v>0</v>
      </c>
      <c r="W23" s="104">
        <f>【例】指導事項の配置!BA15</f>
        <v>0</v>
      </c>
    </row>
    <row r="24" spans="1:23" ht="9" customHeight="1" x14ac:dyDescent="0.55000000000000004">
      <c r="A24" s="391"/>
      <c r="B24" s="392"/>
      <c r="C24" s="96" t="str">
        <f>【手順１】!D14</f>
        <v>⑥ボール保持者が進行できる空間を作りだすために、進行方向から離れること</v>
      </c>
      <c r="D24" s="105">
        <f>【例】指導事項の配置!D16</f>
        <v>0</v>
      </c>
      <c r="E24" s="106">
        <f>【例】指導事項の配置!E16</f>
        <v>0</v>
      </c>
      <c r="F24" s="106">
        <f>【例】指導事項の配置!F16</f>
        <v>0</v>
      </c>
      <c r="G24" s="106">
        <f>【例】指導事項の配置!G16</f>
        <v>0</v>
      </c>
      <c r="H24" s="106">
        <f>【例】指導事項の配置!H16</f>
        <v>0</v>
      </c>
      <c r="I24" s="106">
        <f>【例】指導事項の配置!I16</f>
        <v>0</v>
      </c>
      <c r="J24" s="106">
        <f>【例】指導事項の配置!J16</f>
        <v>0</v>
      </c>
      <c r="K24" s="106">
        <f>【例】指導事項の配置!K16</f>
        <v>0</v>
      </c>
      <c r="L24" s="106">
        <f>【例】指導事項の配置!L16</f>
        <v>0</v>
      </c>
      <c r="M24" s="107">
        <f>【例】指導事項の配置!M16</f>
        <v>0</v>
      </c>
      <c r="N24" s="110">
        <f>【例】指導事項の配置!AR16</f>
        <v>0</v>
      </c>
      <c r="O24" s="106">
        <f>【例】指導事項の配置!AS16</f>
        <v>0</v>
      </c>
      <c r="P24" s="106">
        <f>【例】指導事項の配置!AT16</f>
        <v>0</v>
      </c>
      <c r="Q24" s="106">
        <f>【例】指導事項の配置!AU16</f>
        <v>0</v>
      </c>
      <c r="R24" s="106" t="str">
        <f>【例】指導事項の配置!AV16</f>
        <v>〇</v>
      </c>
      <c r="S24" s="106">
        <f>【例】指導事項の配置!AW16</f>
        <v>0</v>
      </c>
      <c r="T24" s="106">
        <f>【例】指導事項の配置!AX16</f>
        <v>0</v>
      </c>
      <c r="U24" s="106" t="str">
        <f>【例】指導事項の配置!AY16</f>
        <v>●</v>
      </c>
      <c r="V24" s="106">
        <f>【例】指導事項の配置!AZ16</f>
        <v>0</v>
      </c>
      <c r="W24" s="107">
        <f>【例】指導事項の配置!BA16</f>
        <v>0</v>
      </c>
    </row>
    <row r="25" spans="1:23" ht="9" customHeight="1" x14ac:dyDescent="0.55000000000000004">
      <c r="A25" s="391"/>
      <c r="B25" s="390" t="s">
        <v>2</v>
      </c>
      <c r="C25" s="94" t="str">
        <f>【手順１】!D35</f>
        <v>①選択した運動について、合理的な動きと自己や仲間の動きを比較して、成果や改善すべきポイントとその理由を仲間に伝えること</v>
      </c>
      <c r="D25" s="101">
        <f>【例】指導事項の配置!D34</f>
        <v>0</v>
      </c>
      <c r="E25" s="100">
        <f>【例】指導事項の配置!E34</f>
        <v>0</v>
      </c>
      <c r="F25" s="100">
        <f>【例】指導事項の配置!F34</f>
        <v>0</v>
      </c>
      <c r="G25" s="100">
        <f>【例】指導事項の配置!G34</f>
        <v>0</v>
      </c>
      <c r="H25" s="100">
        <f>【例】指導事項の配置!H34</f>
        <v>0</v>
      </c>
      <c r="I25" s="100">
        <f>【例】指導事項の配置!I34</f>
        <v>0</v>
      </c>
      <c r="J25" s="100" t="str">
        <f>【例】指導事項の配置!J34</f>
        <v>◎</v>
      </c>
      <c r="K25" s="100">
        <f>【例】指導事項の配置!K34</f>
        <v>0</v>
      </c>
      <c r="L25" s="100">
        <f>【例】指導事項の配置!L34</f>
        <v>0</v>
      </c>
      <c r="M25" s="102">
        <f>【例】指導事項の配置!M34</f>
        <v>0</v>
      </c>
      <c r="N25" s="108">
        <f>【例】指導事項の配置!AR34</f>
        <v>0</v>
      </c>
      <c r="O25" s="100">
        <f>【例】指導事項の配置!AS34</f>
        <v>0</v>
      </c>
      <c r="P25" s="100">
        <f>【例】指導事項の配置!AT34</f>
        <v>0</v>
      </c>
      <c r="Q25" s="100">
        <f>【例】指導事項の配置!AU34</f>
        <v>0</v>
      </c>
      <c r="R25" s="100">
        <f>【例】指導事項の配置!AV34</f>
        <v>0</v>
      </c>
      <c r="S25" s="100">
        <f>【例】指導事項の配置!AW34</f>
        <v>0</v>
      </c>
      <c r="T25" s="100">
        <f>【例】指導事項の配置!AX34</f>
        <v>0</v>
      </c>
      <c r="U25" s="100">
        <f>【例】指導事項の配置!AY34</f>
        <v>0</v>
      </c>
      <c r="V25" s="100">
        <f>【例】指導事項の配置!AZ34</f>
        <v>0</v>
      </c>
      <c r="W25" s="102">
        <f>【例】指導事項の配置!BA34</f>
        <v>0</v>
      </c>
    </row>
    <row r="26" spans="1:23" ht="9" customHeight="1" x14ac:dyDescent="0.55000000000000004">
      <c r="A26" s="391"/>
      <c r="B26" s="391"/>
      <c r="C26" s="95" t="str">
        <f>【手順１】!D36</f>
        <v>②自己や仲間の技術的な課題やチームの作戦・戦術についての課題や課題解決に有効な練習方法の選択について、自己の考えを伝えること</v>
      </c>
      <c r="D26" s="103">
        <f>【例】指導事項の配置!D35</f>
        <v>0</v>
      </c>
      <c r="E26" s="99">
        <f>【例】指導事項の配置!E35</f>
        <v>0</v>
      </c>
      <c r="F26" s="99">
        <f>【例】指導事項の配置!F35</f>
        <v>0</v>
      </c>
      <c r="G26" s="99">
        <f>【例】指導事項の配置!G35</f>
        <v>0</v>
      </c>
      <c r="H26" s="99">
        <f>【例】指導事項の配置!H35</f>
        <v>0</v>
      </c>
      <c r="I26" s="99">
        <f>【例】指導事項の配置!I35</f>
        <v>0</v>
      </c>
      <c r="J26" s="99">
        <f>【例】指導事項の配置!J35</f>
        <v>0</v>
      </c>
      <c r="K26" s="99">
        <f>【例】指導事項の配置!K35</f>
        <v>0</v>
      </c>
      <c r="L26" s="99">
        <f>【例】指導事項の配置!L35</f>
        <v>0</v>
      </c>
      <c r="M26" s="104">
        <f>【例】指導事項の配置!M35</f>
        <v>0</v>
      </c>
      <c r="N26" s="109">
        <f>【例】指導事項の配置!AR35</f>
        <v>0</v>
      </c>
      <c r="O26" s="99">
        <f>【例】指導事項の配置!AS35</f>
        <v>0</v>
      </c>
      <c r="P26" s="99">
        <f>【例】指導事項の配置!AT35</f>
        <v>0</v>
      </c>
      <c r="Q26" s="99">
        <f>【例】指導事項の配置!AU35</f>
        <v>0</v>
      </c>
      <c r="R26" s="99" t="str">
        <f>【例】指導事項の配置!AV35</f>
        <v>◎</v>
      </c>
      <c r="S26" s="99">
        <f>【例】指導事項の配置!AW35</f>
        <v>0</v>
      </c>
      <c r="T26" s="99">
        <f>【例】指導事項の配置!AX35</f>
        <v>0</v>
      </c>
      <c r="U26" s="99">
        <f>【例】指導事項の配置!AY35</f>
        <v>0</v>
      </c>
      <c r="V26" s="99">
        <f>【例】指導事項の配置!AZ35</f>
        <v>0</v>
      </c>
      <c r="W26" s="104">
        <f>【例】指導事項の配置!BA35</f>
        <v>0</v>
      </c>
    </row>
    <row r="27" spans="1:23" ht="9" customHeight="1" x14ac:dyDescent="0.55000000000000004">
      <c r="A27" s="391"/>
      <c r="B27" s="391"/>
      <c r="C27" s="95" t="str">
        <f>【手順１】!D37</f>
        <v>③選択した運動に必要な準備運動や自己が取り組む補助運動を選ぶこと</v>
      </c>
      <c r="D27" s="103">
        <f>【例】指導事項の配置!D36</f>
        <v>0</v>
      </c>
      <c r="E27" s="99">
        <f>【例】指導事項の配置!E36</f>
        <v>0</v>
      </c>
      <c r="F27" s="99">
        <f>【例】指導事項の配置!F36</f>
        <v>0</v>
      </c>
      <c r="G27" s="99">
        <f>【例】指導事項の配置!G36</f>
        <v>0</v>
      </c>
      <c r="H27" s="99">
        <f>【例】指導事項の配置!H36</f>
        <v>0</v>
      </c>
      <c r="I27" s="99">
        <f>【例】指導事項の配置!I36</f>
        <v>0</v>
      </c>
      <c r="J27" s="99">
        <f>【例】指導事項の配置!J36</f>
        <v>0</v>
      </c>
      <c r="K27" s="99">
        <f>【例】指導事項の配置!K36</f>
        <v>0</v>
      </c>
      <c r="L27" s="99">
        <f>【例】指導事項の配置!L36</f>
        <v>0</v>
      </c>
      <c r="M27" s="104">
        <f>【例】指導事項の配置!M36</f>
        <v>0</v>
      </c>
      <c r="N27" s="109">
        <f>【例】指導事項の配置!AR36</f>
        <v>0</v>
      </c>
      <c r="O27" s="99">
        <f>【例】指導事項の配置!AS36</f>
        <v>0</v>
      </c>
      <c r="P27" s="99">
        <f>【例】指導事項の配置!AT36</f>
        <v>0</v>
      </c>
      <c r="Q27" s="99">
        <f>【例】指導事項の配置!AU36</f>
        <v>0</v>
      </c>
      <c r="R27" s="99">
        <f>【例】指導事項の配置!AV36</f>
        <v>0</v>
      </c>
      <c r="S27" s="99">
        <f>【例】指導事項の配置!AW36</f>
        <v>0</v>
      </c>
      <c r="T27" s="99" t="str">
        <f>【例】指導事項の配置!AX36</f>
        <v>◎</v>
      </c>
      <c r="U27" s="99">
        <f>【例】指導事項の配置!AY36</f>
        <v>0</v>
      </c>
      <c r="V27" s="99">
        <f>【例】指導事項の配置!AZ36</f>
        <v>0</v>
      </c>
      <c r="W27" s="104">
        <f>【例】指導事項の配置!BA36</f>
        <v>0</v>
      </c>
    </row>
    <row r="28" spans="1:23" ht="9" customHeight="1" x14ac:dyDescent="0.55000000000000004">
      <c r="A28" s="391"/>
      <c r="B28" s="391"/>
      <c r="C28" s="95" t="str">
        <f>【手順１】!D38</f>
        <v>④健康や安全を確保するために、体調や環境に応じた適切な練習方法等について振り返ること</v>
      </c>
      <c r="D28" s="103">
        <f>【例】指導事項の配置!D37</f>
        <v>0</v>
      </c>
      <c r="E28" s="99">
        <f>【例】指導事項の配置!E37</f>
        <v>0</v>
      </c>
      <c r="F28" s="99">
        <f>【例】指導事項の配置!F37</f>
        <v>0</v>
      </c>
      <c r="G28" s="99">
        <f>【例】指導事項の配置!G37</f>
        <v>0</v>
      </c>
      <c r="H28" s="99">
        <f>【例】指導事項の配置!H37</f>
        <v>0</v>
      </c>
      <c r="I28" s="99">
        <f>【例】指導事項の配置!I37</f>
        <v>0</v>
      </c>
      <c r="J28" s="99">
        <f>【例】指導事項の配置!J37</f>
        <v>0</v>
      </c>
      <c r="K28" s="99">
        <f>【例】指導事項の配置!K37</f>
        <v>0</v>
      </c>
      <c r="L28" s="99">
        <f>【例】指導事項の配置!L37</f>
        <v>0</v>
      </c>
      <c r="M28" s="104">
        <f>【例】指導事項の配置!M37</f>
        <v>0</v>
      </c>
      <c r="N28" s="109">
        <f>【例】指導事項の配置!AR37</f>
        <v>0</v>
      </c>
      <c r="O28" s="99">
        <f>【例】指導事項の配置!AS37</f>
        <v>0</v>
      </c>
      <c r="P28" s="99">
        <f>【例】指導事項の配置!AT37</f>
        <v>0</v>
      </c>
      <c r="Q28" s="99">
        <f>【例】指導事項の配置!AU37</f>
        <v>0</v>
      </c>
      <c r="R28" s="99">
        <f>【例】指導事項の配置!AV37</f>
        <v>0</v>
      </c>
      <c r="S28" s="99">
        <f>【例】指導事項の配置!AW37</f>
        <v>0</v>
      </c>
      <c r="T28" s="99">
        <f>【例】指導事項の配置!AX37</f>
        <v>0</v>
      </c>
      <c r="U28" s="99">
        <f>【例】指導事項の配置!AY37</f>
        <v>0</v>
      </c>
      <c r="V28" s="99">
        <f>【例】指導事項の配置!AZ37</f>
        <v>0</v>
      </c>
      <c r="W28" s="104">
        <f>【例】指導事項の配置!BA37</f>
        <v>0</v>
      </c>
    </row>
    <row r="29" spans="1:23" ht="9" customHeight="1" x14ac:dyDescent="0.55000000000000004">
      <c r="A29" s="391"/>
      <c r="B29" s="391"/>
      <c r="C29" s="95" t="str">
        <f>【手順１】!D39</f>
        <v>⑤ルールを守り競争したり勝敗を受け入れたりする場面で、よりよいマナーや行為について、自己の活動を振り返ること</v>
      </c>
      <c r="D29" s="103">
        <f>【例】指導事項の配置!D38</f>
        <v>0</v>
      </c>
      <c r="E29" s="99">
        <f>【例】指導事項の配置!E38</f>
        <v>0</v>
      </c>
      <c r="F29" s="99">
        <f>【例】指導事項の配置!F38</f>
        <v>0</v>
      </c>
      <c r="G29" s="99">
        <f>【例】指導事項の配置!G38</f>
        <v>0</v>
      </c>
      <c r="H29" s="99">
        <f>【例】指導事項の配置!H38</f>
        <v>0</v>
      </c>
      <c r="I29" s="99" t="str">
        <f>【例】指導事項の配置!I38</f>
        <v>◎</v>
      </c>
      <c r="J29" s="99">
        <f>【例】指導事項の配置!J38</f>
        <v>0</v>
      </c>
      <c r="K29" s="99">
        <f>【例】指導事項の配置!K38</f>
        <v>0</v>
      </c>
      <c r="L29" s="99">
        <f>【例】指導事項の配置!L38</f>
        <v>0</v>
      </c>
      <c r="M29" s="104">
        <f>【例】指導事項の配置!M38</f>
        <v>0</v>
      </c>
      <c r="N29" s="109">
        <f>【例】指導事項の配置!AR38</f>
        <v>0</v>
      </c>
      <c r="O29" s="99">
        <f>【例】指導事項の配置!AS38</f>
        <v>0</v>
      </c>
      <c r="P29" s="99">
        <f>【例】指導事項の配置!AT38</f>
        <v>0</v>
      </c>
      <c r="Q29" s="99">
        <f>【例】指導事項の配置!AU38</f>
        <v>0</v>
      </c>
      <c r="R29" s="99">
        <f>【例】指導事項の配置!AV38</f>
        <v>0</v>
      </c>
      <c r="S29" s="99">
        <f>【例】指導事項の配置!AW38</f>
        <v>0</v>
      </c>
      <c r="T29" s="99">
        <f>【例】指導事項の配置!AX38</f>
        <v>0</v>
      </c>
      <c r="U29" s="99">
        <f>【例】指導事項の配置!AY38</f>
        <v>0</v>
      </c>
      <c r="V29" s="99">
        <f>【例】指導事項の配置!AZ38</f>
        <v>0</v>
      </c>
      <c r="W29" s="104">
        <f>【例】指導事項の配置!BA38</f>
        <v>0</v>
      </c>
    </row>
    <row r="30" spans="1:23" ht="9" customHeight="1" x14ac:dyDescent="0.55000000000000004">
      <c r="A30" s="391"/>
      <c r="B30" s="391"/>
      <c r="C30" s="95" t="str">
        <f>【手順１】!D40</f>
        <v>⑥チームで分担した役割に関する成果や改善すべきポイントについて、自己の活動を振り返ること</v>
      </c>
      <c r="D30" s="103">
        <f>【例】指導事項の配置!D39</f>
        <v>0</v>
      </c>
      <c r="E30" s="99">
        <f>【例】指導事項の配置!E39</f>
        <v>0</v>
      </c>
      <c r="F30" s="99">
        <f>【例】指導事項の配置!F39</f>
        <v>0</v>
      </c>
      <c r="G30" s="99">
        <f>【例】指導事項の配置!G39</f>
        <v>0</v>
      </c>
      <c r="H30" s="99">
        <f>【例】指導事項の配置!H39</f>
        <v>0</v>
      </c>
      <c r="I30" s="99">
        <f>【例】指導事項の配置!I39</f>
        <v>0</v>
      </c>
      <c r="J30" s="99">
        <f>【例】指導事項の配置!J39</f>
        <v>0</v>
      </c>
      <c r="K30" s="99">
        <f>【例】指導事項の配置!K39</f>
        <v>0</v>
      </c>
      <c r="L30" s="99" t="str">
        <f>【例】指導事項の配置!L39</f>
        <v>◎</v>
      </c>
      <c r="M30" s="104">
        <f>【例】指導事項の配置!M39</f>
        <v>0</v>
      </c>
      <c r="N30" s="109">
        <f>【例】指導事項の配置!AR39</f>
        <v>0</v>
      </c>
      <c r="O30" s="99">
        <f>【例】指導事項の配置!AS39</f>
        <v>0</v>
      </c>
      <c r="P30" s="99">
        <f>【例】指導事項の配置!AT39</f>
        <v>0</v>
      </c>
      <c r="Q30" s="99">
        <f>【例】指導事項の配置!AU39</f>
        <v>0</v>
      </c>
      <c r="R30" s="99">
        <f>【例】指導事項の配置!AV39</f>
        <v>0</v>
      </c>
      <c r="S30" s="99">
        <f>【例】指導事項の配置!AW39</f>
        <v>0</v>
      </c>
      <c r="T30" s="99">
        <f>【例】指導事項の配置!AX39</f>
        <v>0</v>
      </c>
      <c r="U30" s="99">
        <f>【例】指導事項の配置!AY39</f>
        <v>0</v>
      </c>
      <c r="V30" s="99">
        <f>【例】指導事項の配置!AZ39</f>
        <v>0</v>
      </c>
      <c r="W30" s="104">
        <f>【例】指導事項の配置!BA39</f>
        <v>0</v>
      </c>
    </row>
    <row r="31" spans="1:23" ht="9" customHeight="1" x14ac:dyDescent="0.55000000000000004">
      <c r="A31" s="391"/>
      <c r="B31" s="392"/>
      <c r="C31" s="96" t="str">
        <f>【手順１】!D41</f>
        <v>⑦作戦などの話合いの場面で、合意形成するための関わり方を見付け、仲間に伝えること</v>
      </c>
      <c r="D31" s="105">
        <f>【例】指導事項の配置!D40</f>
        <v>0</v>
      </c>
      <c r="E31" s="106">
        <f>【例】指導事項の配置!E40</f>
        <v>0</v>
      </c>
      <c r="F31" s="106">
        <f>【例】指導事項の配置!F40</f>
        <v>0</v>
      </c>
      <c r="G31" s="106">
        <f>【例】指導事項の配置!G40</f>
        <v>0</v>
      </c>
      <c r="H31" s="106">
        <f>【例】指導事項の配置!H40</f>
        <v>0</v>
      </c>
      <c r="I31" s="106">
        <f>【例】指導事項の配置!I40</f>
        <v>0</v>
      </c>
      <c r="J31" s="106">
        <f>【例】指導事項の配置!J40</f>
        <v>0</v>
      </c>
      <c r="K31" s="106">
        <f>【例】指導事項の配置!K40</f>
        <v>0</v>
      </c>
      <c r="L31" s="106">
        <f>【例】指導事項の配置!L40</f>
        <v>0</v>
      </c>
      <c r="M31" s="107">
        <f>【例】指導事項の配置!M40</f>
        <v>0</v>
      </c>
      <c r="N31" s="110">
        <f>【例】指導事項の配置!AR40</f>
        <v>0</v>
      </c>
      <c r="O31" s="106">
        <f>【例】指導事項の配置!AS40</f>
        <v>0</v>
      </c>
      <c r="P31" s="106">
        <f>【例】指導事項の配置!AT40</f>
        <v>0</v>
      </c>
      <c r="Q31" s="106">
        <f>【例】指導事項の配置!AU40</f>
        <v>0</v>
      </c>
      <c r="R31" s="106">
        <f>【例】指導事項の配置!AV40</f>
        <v>0</v>
      </c>
      <c r="S31" s="106">
        <f>【例】指導事項の配置!AW40</f>
        <v>0</v>
      </c>
      <c r="T31" s="106">
        <f>【例】指導事項の配置!AX40</f>
        <v>0</v>
      </c>
      <c r="U31" s="106" t="str">
        <f>【例】指導事項の配置!AY40</f>
        <v>◎</v>
      </c>
      <c r="V31" s="106">
        <f>【例】指導事項の配置!AZ40</f>
        <v>0</v>
      </c>
      <c r="W31" s="107">
        <f>【例】指導事項の配置!BA40</f>
        <v>0</v>
      </c>
    </row>
    <row r="32" spans="1:23" ht="9" customHeight="1" x14ac:dyDescent="0.55000000000000004">
      <c r="A32" s="391"/>
      <c r="B32" s="390" t="s">
        <v>30</v>
      </c>
      <c r="C32" s="94" t="str">
        <f>【手順１】!D44</f>
        <v>①球技の学習に自主的に取り組もうとすること</v>
      </c>
      <c r="D32" s="103">
        <f>【例】指導事項の配置!D41</f>
        <v>0</v>
      </c>
      <c r="E32" s="99">
        <f>【例】指導事項の配置!E41</f>
        <v>0</v>
      </c>
      <c r="F32" s="99">
        <f>【例】指導事項の配置!F41</f>
        <v>0</v>
      </c>
      <c r="G32" s="99">
        <f>【例】指導事項の配置!G41</f>
        <v>0</v>
      </c>
      <c r="H32" s="99">
        <f>【例】指導事項の配置!H41</f>
        <v>0</v>
      </c>
      <c r="I32" s="99">
        <f>【例】指導事項の配置!I41</f>
        <v>0</v>
      </c>
      <c r="J32" s="99">
        <f>【例】指導事項の配置!J41</f>
        <v>0</v>
      </c>
      <c r="K32" s="99">
        <f>【例】指導事項の配置!K41</f>
        <v>0</v>
      </c>
      <c r="L32" s="99">
        <f>【例】指導事項の配置!L41</f>
        <v>0</v>
      </c>
      <c r="M32" s="104">
        <f>【例】指導事項の配置!M41</f>
        <v>0</v>
      </c>
      <c r="N32" s="109">
        <f>【例】指導事項の配置!AR41</f>
        <v>0</v>
      </c>
      <c r="O32" s="99" t="str">
        <f>【例】指導事項の配置!AS41</f>
        <v>〇</v>
      </c>
      <c r="P32" s="99">
        <f>【例】指導事項の配置!AT41</f>
        <v>0</v>
      </c>
      <c r="Q32" s="99">
        <f>【例】指導事項の配置!AU41</f>
        <v>0</v>
      </c>
      <c r="R32" s="99">
        <f>【例】指導事項の配置!AV41</f>
        <v>0</v>
      </c>
      <c r="S32" s="99">
        <f>【例】指導事項の配置!AW41</f>
        <v>0</v>
      </c>
      <c r="T32" s="99">
        <f>【例】指導事項の配置!AX41</f>
        <v>0</v>
      </c>
      <c r="U32" s="99">
        <f>【例】指導事項の配置!AY41</f>
        <v>0</v>
      </c>
      <c r="V32" s="99">
        <f>【例】指導事項の配置!AZ41</f>
        <v>0</v>
      </c>
      <c r="W32" s="104" t="str">
        <f>【例】指導事項の配置!BA41</f>
        <v>●</v>
      </c>
    </row>
    <row r="33" spans="1:23" ht="9" customHeight="1" x14ac:dyDescent="0.55000000000000004">
      <c r="A33" s="391"/>
      <c r="B33" s="391"/>
      <c r="C33" s="95" t="str">
        <f>【手順１】!D45</f>
        <v>②相手を尊重するなどのフェアなプレイを大切にしようとすること</v>
      </c>
      <c r="D33" s="103">
        <f>【例】指導事項の配置!D42</f>
        <v>0</v>
      </c>
      <c r="E33" s="99">
        <f>【例】指導事項の配置!E42</f>
        <v>0</v>
      </c>
      <c r="F33" s="99">
        <f>【例】指導事項の配置!F42</f>
        <v>0</v>
      </c>
      <c r="G33" s="99">
        <f>【例】指導事項の配置!G42</f>
        <v>0</v>
      </c>
      <c r="H33" s="99">
        <f>【例】指導事項の配置!H42</f>
        <v>0</v>
      </c>
      <c r="I33" s="99">
        <f>【例】指導事項の配置!I42</f>
        <v>0</v>
      </c>
      <c r="J33" s="99">
        <f>【例】指導事項の配置!J42</f>
        <v>0</v>
      </c>
      <c r="K33" s="99">
        <f>【例】指導事項の配置!K42</f>
        <v>0</v>
      </c>
      <c r="L33" s="99">
        <f>【例】指導事項の配置!L42</f>
        <v>0</v>
      </c>
      <c r="M33" s="104">
        <f>【例】指導事項の配置!M42</f>
        <v>0</v>
      </c>
      <c r="N33" s="109">
        <f>【例】指導事項の配置!AR42</f>
        <v>0</v>
      </c>
      <c r="O33" s="99">
        <f>【例】指導事項の配置!AS42</f>
        <v>0</v>
      </c>
      <c r="P33" s="99">
        <f>【例】指導事項の配置!AT42</f>
        <v>0</v>
      </c>
      <c r="Q33" s="99">
        <f>【例】指導事項の配置!AU42</f>
        <v>0</v>
      </c>
      <c r="R33" s="99">
        <f>【例】指導事項の配置!AV42</f>
        <v>0</v>
      </c>
      <c r="S33" s="99" t="str">
        <f>【例】指導事項の配置!AW42</f>
        <v>〇</v>
      </c>
      <c r="T33" s="99">
        <f>【例】指導事項の配置!AX42</f>
        <v>0</v>
      </c>
      <c r="U33" s="99">
        <f>【例】指導事項の配置!AY42</f>
        <v>0</v>
      </c>
      <c r="V33" s="99">
        <f>【例】指導事項の配置!AZ42</f>
        <v>0</v>
      </c>
      <c r="W33" s="104" t="str">
        <f>【例】指導事項の配置!BA42</f>
        <v>●</v>
      </c>
    </row>
    <row r="34" spans="1:23" ht="9" customHeight="1" x14ac:dyDescent="0.55000000000000004">
      <c r="A34" s="391"/>
      <c r="B34" s="391"/>
      <c r="C34" s="95" t="str">
        <f>【手順１】!D46</f>
        <v>③作戦などについての話合いに貢献しようとすること</v>
      </c>
      <c r="D34" s="103">
        <f>【例】指導事項の配置!D43</f>
        <v>0</v>
      </c>
      <c r="E34" s="99">
        <f>【例】指導事項の配置!E43</f>
        <v>0</v>
      </c>
      <c r="F34" s="99">
        <f>【例】指導事項の配置!F43</f>
        <v>0</v>
      </c>
      <c r="G34" s="99">
        <f>【例】指導事項の配置!G43</f>
        <v>0</v>
      </c>
      <c r="H34" s="99">
        <f>【例】指導事項の配置!H43</f>
        <v>0</v>
      </c>
      <c r="I34" s="99">
        <f>【例】指導事項の配置!I43</f>
        <v>0</v>
      </c>
      <c r="J34" s="99">
        <f>【例】指導事項の配置!J43</f>
        <v>0</v>
      </c>
      <c r="K34" s="99">
        <f>【例】指導事項の配置!K43</f>
        <v>0</v>
      </c>
      <c r="L34" s="99">
        <f>【例】指導事項の配置!L43</f>
        <v>0</v>
      </c>
      <c r="M34" s="104">
        <f>【例】指導事項の配置!M43</f>
        <v>0</v>
      </c>
      <c r="N34" s="109">
        <f>【例】指導事項の配置!AR43</f>
        <v>0</v>
      </c>
      <c r="O34" s="99">
        <f>【例】指導事項の配置!AS43</f>
        <v>0</v>
      </c>
      <c r="P34" s="99">
        <f>【例】指導事項の配置!AT43</f>
        <v>0</v>
      </c>
      <c r="Q34" s="99">
        <f>【例】指導事項の配置!AU43</f>
        <v>0</v>
      </c>
      <c r="R34" s="99">
        <f>【例】指導事項の配置!AV43</f>
        <v>0</v>
      </c>
      <c r="S34" s="99">
        <f>【例】指導事項の配置!AW43</f>
        <v>0</v>
      </c>
      <c r="T34" s="99">
        <f>【例】指導事項の配置!AX43</f>
        <v>0</v>
      </c>
      <c r="U34" s="99">
        <f>【例】指導事項の配置!AY43</f>
        <v>0</v>
      </c>
      <c r="V34" s="99">
        <f>【例】指導事項の配置!AZ43</f>
        <v>0</v>
      </c>
      <c r="W34" s="104">
        <f>【例】指導事項の配置!BA43</f>
        <v>0</v>
      </c>
    </row>
    <row r="35" spans="1:23" ht="9" customHeight="1" x14ac:dyDescent="0.55000000000000004">
      <c r="A35" s="391"/>
      <c r="B35" s="391"/>
      <c r="C35" s="95" t="str">
        <f>【手順１】!D47</f>
        <v>④一人一人の違いに応じた課題や挑戦及び修正などを大切にしようとすること</v>
      </c>
      <c r="D35" s="103">
        <f>【例】指導事項の配置!D44</f>
        <v>0</v>
      </c>
      <c r="E35" s="99">
        <f>【例】指導事項の配置!E44</f>
        <v>0</v>
      </c>
      <c r="F35" s="99">
        <f>【例】指導事項の配置!F44</f>
        <v>0</v>
      </c>
      <c r="G35" s="99">
        <f>【例】指導事項の配置!G44</f>
        <v>0</v>
      </c>
      <c r="H35" s="99">
        <f>【例】指導事項の配置!H44</f>
        <v>0</v>
      </c>
      <c r="I35" s="99">
        <f>【例】指導事項の配置!I44</f>
        <v>0</v>
      </c>
      <c r="J35" s="99">
        <f>【例】指導事項の配置!J44</f>
        <v>0</v>
      </c>
      <c r="K35" s="99">
        <f>【例】指導事項の配置!K44</f>
        <v>0</v>
      </c>
      <c r="L35" s="99">
        <f>【例】指導事項の配置!L44</f>
        <v>0</v>
      </c>
      <c r="M35" s="104">
        <f>【例】指導事項の配置!M44</f>
        <v>0</v>
      </c>
      <c r="N35" s="109">
        <f>【例】指導事項の配置!AR44</f>
        <v>0</v>
      </c>
      <c r="O35" s="99">
        <f>【例】指導事項の配置!AS44</f>
        <v>0</v>
      </c>
      <c r="P35" s="99">
        <f>【例】指導事項の配置!AT44</f>
        <v>0</v>
      </c>
      <c r="Q35" s="99">
        <f>【例】指導事項の配置!AU44</f>
        <v>0</v>
      </c>
      <c r="R35" s="99">
        <f>【例】指導事項の配置!AV44</f>
        <v>0</v>
      </c>
      <c r="S35" s="99">
        <f>【例】指導事項の配置!AW44</f>
        <v>0</v>
      </c>
      <c r="T35" s="99">
        <f>【例】指導事項の配置!AX44</f>
        <v>0</v>
      </c>
      <c r="U35" s="99" t="str">
        <f>【例】指導事項の配置!AY44</f>
        <v>〇</v>
      </c>
      <c r="V35" s="99">
        <f>【例】指導事項の配置!AZ44</f>
        <v>0</v>
      </c>
      <c r="W35" s="104" t="str">
        <f>【例】指導事項の配置!BA44</f>
        <v>●</v>
      </c>
    </row>
    <row r="36" spans="1:23" ht="9" customHeight="1" x14ac:dyDescent="0.55000000000000004">
      <c r="A36" s="391"/>
      <c r="B36" s="391"/>
      <c r="C36" s="95" t="str">
        <f>【手順１】!D48</f>
        <v>⑤互いに練習相手になったり仲間に助言したりして、互いに助け合い教え合おうとすること</v>
      </c>
      <c r="D36" s="103">
        <f>【例】指導事項の配置!D45</f>
        <v>0</v>
      </c>
      <c r="E36" s="99">
        <f>【例】指導事項の配置!E45</f>
        <v>0</v>
      </c>
      <c r="F36" s="99">
        <f>【例】指導事項の配置!F45</f>
        <v>0</v>
      </c>
      <c r="G36" s="99" t="str">
        <f>【例】指導事項の配置!G45</f>
        <v>〇</v>
      </c>
      <c r="H36" s="99">
        <f>【例】指導事項の配置!H45</f>
        <v>0</v>
      </c>
      <c r="I36" s="99">
        <f>【例】指導事項の配置!I45</f>
        <v>0</v>
      </c>
      <c r="J36" s="99">
        <f>【例】指導事項の配置!J45</f>
        <v>0</v>
      </c>
      <c r="K36" s="99">
        <f>【例】指導事項の配置!K45</f>
        <v>0</v>
      </c>
      <c r="L36" s="99">
        <f>【例】指導事項の配置!L45</f>
        <v>0</v>
      </c>
      <c r="M36" s="104" t="str">
        <f>【例】指導事項の配置!M45</f>
        <v>●</v>
      </c>
      <c r="N36" s="109">
        <f>【例】指導事項の配置!AR45</f>
        <v>0</v>
      </c>
      <c r="O36" s="99">
        <f>【例】指導事項の配置!AS45</f>
        <v>0</v>
      </c>
      <c r="P36" s="99">
        <f>【例】指導事項の配置!AT45</f>
        <v>0</v>
      </c>
      <c r="Q36" s="99">
        <f>【例】指導事項の配置!AU45</f>
        <v>0</v>
      </c>
      <c r="R36" s="99">
        <f>【例】指導事項の配置!AV45</f>
        <v>0</v>
      </c>
      <c r="S36" s="99">
        <f>【例】指導事項の配置!AW45</f>
        <v>0</v>
      </c>
      <c r="T36" s="99">
        <f>【例】指導事項の配置!AX45</f>
        <v>0</v>
      </c>
      <c r="U36" s="99">
        <f>【例】指導事項の配置!AY45</f>
        <v>0</v>
      </c>
      <c r="V36" s="99">
        <f>【例】指導事項の配置!AZ45</f>
        <v>0</v>
      </c>
      <c r="W36" s="104">
        <f>【例】指導事項の配置!BA45</f>
        <v>0</v>
      </c>
    </row>
    <row r="37" spans="1:23" ht="9" customHeight="1" x14ac:dyDescent="0.55000000000000004">
      <c r="A37" s="392"/>
      <c r="B37" s="392"/>
      <c r="C37" s="96" t="str">
        <f>【手順１】!D49</f>
        <v>⑥健康・安全を確保すること</v>
      </c>
      <c r="D37" s="105" t="str">
        <f>【例】指導事項の配置!D46</f>
        <v>〇</v>
      </c>
      <c r="E37" s="106">
        <f>【例】指導事項の配置!E46</f>
        <v>0</v>
      </c>
      <c r="F37" s="106">
        <f>【例】指導事項の配置!F46</f>
        <v>0</v>
      </c>
      <c r="G37" s="106">
        <f>【例】指導事項の配置!G46</f>
        <v>0</v>
      </c>
      <c r="H37" s="106">
        <f>【例】指導事項の配置!H46</f>
        <v>0</v>
      </c>
      <c r="I37" s="106">
        <f>【例】指導事項の配置!I46</f>
        <v>0</v>
      </c>
      <c r="J37" s="106">
        <f>【例】指導事項の配置!J46</f>
        <v>0</v>
      </c>
      <c r="K37" s="106">
        <f>【例】指導事項の配置!K46</f>
        <v>0</v>
      </c>
      <c r="L37" s="106">
        <f>【例】指導事項の配置!L46</f>
        <v>0</v>
      </c>
      <c r="M37" s="107" t="str">
        <f>【例】指導事項の配置!M46</f>
        <v>●</v>
      </c>
      <c r="N37" s="110">
        <f>【例】指導事項の配置!AR46</f>
        <v>0</v>
      </c>
      <c r="O37" s="106">
        <f>【例】指導事項の配置!AS46</f>
        <v>0</v>
      </c>
      <c r="P37" s="106">
        <f>【例】指導事項の配置!AT46</f>
        <v>0</v>
      </c>
      <c r="Q37" s="106">
        <f>【例】指導事項の配置!AU46</f>
        <v>0</v>
      </c>
      <c r="R37" s="106">
        <f>【例】指導事項の配置!AV46</f>
        <v>0</v>
      </c>
      <c r="S37" s="106">
        <f>【例】指導事項の配置!AW46</f>
        <v>0</v>
      </c>
      <c r="T37" s="106">
        <f>【例】指導事項の配置!AX46</f>
        <v>0</v>
      </c>
      <c r="U37" s="106">
        <f>【例】指導事項の配置!AY46</f>
        <v>0</v>
      </c>
      <c r="V37" s="106">
        <f>【例】指導事項の配置!AZ46</f>
        <v>0</v>
      </c>
      <c r="W37" s="107">
        <f>【例】指導事項の配置!BA46</f>
        <v>0</v>
      </c>
    </row>
    <row r="38" spans="1:23" x14ac:dyDescent="0.55000000000000004">
      <c r="A38" s="390" t="s">
        <v>4</v>
      </c>
      <c r="B38" s="397" t="s">
        <v>1</v>
      </c>
      <c r="C38" s="389"/>
      <c r="D38" s="160" t="s">
        <v>135</v>
      </c>
      <c r="E38" s="161" t="s">
        <v>137</v>
      </c>
      <c r="F38" s="161"/>
      <c r="G38" s="161" t="s">
        <v>137</v>
      </c>
      <c r="H38" s="161"/>
      <c r="I38" s="161"/>
      <c r="J38" s="161"/>
      <c r="K38" s="161"/>
      <c r="L38" s="161"/>
      <c r="M38" s="163"/>
      <c r="N38" s="164" t="s">
        <v>161</v>
      </c>
      <c r="O38" s="161"/>
      <c r="P38" s="161"/>
      <c r="Q38" s="161" t="s">
        <v>137</v>
      </c>
      <c r="R38" s="161"/>
      <c r="S38" s="161" t="s">
        <v>137</v>
      </c>
      <c r="T38" s="161"/>
      <c r="U38" s="161"/>
      <c r="V38" s="161" t="s">
        <v>139</v>
      </c>
      <c r="W38" s="162"/>
    </row>
    <row r="39" spans="1:23" x14ac:dyDescent="0.55000000000000004">
      <c r="A39" s="391"/>
      <c r="B39" s="397" t="s">
        <v>0</v>
      </c>
      <c r="C39" s="389"/>
      <c r="D39" s="145"/>
      <c r="E39" s="146" t="s">
        <v>129</v>
      </c>
      <c r="F39" s="146" t="s">
        <v>131</v>
      </c>
      <c r="G39" s="146"/>
      <c r="H39" s="146" t="s">
        <v>127</v>
      </c>
      <c r="I39" s="146" t="s">
        <v>144</v>
      </c>
      <c r="J39" s="146" t="s">
        <v>146</v>
      </c>
      <c r="K39" s="146" t="s">
        <v>133</v>
      </c>
      <c r="L39" s="146"/>
      <c r="M39" s="147"/>
      <c r="N39" s="148"/>
      <c r="O39" s="146" t="s">
        <v>162</v>
      </c>
      <c r="P39" s="146" t="s">
        <v>163</v>
      </c>
      <c r="Q39" s="146" t="s">
        <v>125</v>
      </c>
      <c r="R39" s="146" t="s">
        <v>159</v>
      </c>
      <c r="S39" s="146" t="s">
        <v>160</v>
      </c>
      <c r="T39" s="146" t="s">
        <v>165</v>
      </c>
      <c r="U39" s="146" t="s">
        <v>166</v>
      </c>
      <c r="V39" s="146"/>
      <c r="W39" s="149"/>
    </row>
    <row r="40" spans="1:23" x14ac:dyDescent="0.55000000000000004">
      <c r="A40" s="391"/>
      <c r="B40" s="397" t="s">
        <v>2</v>
      </c>
      <c r="C40" s="389"/>
      <c r="D40" s="150"/>
      <c r="E40" s="151"/>
      <c r="F40" s="151"/>
      <c r="G40" s="151"/>
      <c r="H40" s="151"/>
      <c r="I40" s="151" t="s">
        <v>139</v>
      </c>
      <c r="J40" s="151" t="s">
        <v>135</v>
      </c>
      <c r="K40" s="151"/>
      <c r="L40" s="151" t="s">
        <v>140</v>
      </c>
      <c r="M40" s="152"/>
      <c r="N40" s="153"/>
      <c r="O40" s="151"/>
      <c r="P40" s="151"/>
      <c r="Q40" s="151"/>
      <c r="R40" s="151" t="s">
        <v>164</v>
      </c>
      <c r="S40" s="151"/>
      <c r="T40" s="151" t="s">
        <v>137</v>
      </c>
      <c r="U40" s="151" t="s">
        <v>164</v>
      </c>
      <c r="V40" s="151"/>
      <c r="W40" s="154"/>
    </row>
    <row r="41" spans="1:23" x14ac:dyDescent="0.55000000000000004">
      <c r="A41" s="392"/>
      <c r="B41" s="397" t="s">
        <v>30</v>
      </c>
      <c r="C41" s="389"/>
      <c r="D41" s="155" t="s">
        <v>125</v>
      </c>
      <c r="E41" s="156"/>
      <c r="F41" s="156"/>
      <c r="G41" s="156" t="s">
        <v>127</v>
      </c>
      <c r="H41" s="156"/>
      <c r="I41" s="156"/>
      <c r="J41" s="156"/>
      <c r="K41" s="156"/>
      <c r="L41" s="156"/>
      <c r="M41" s="157" t="s">
        <v>165</v>
      </c>
      <c r="N41" s="158"/>
      <c r="O41" s="156" t="s">
        <v>129</v>
      </c>
      <c r="P41" s="156"/>
      <c r="Q41" s="156"/>
      <c r="R41" s="156"/>
      <c r="S41" s="156" t="s">
        <v>162</v>
      </c>
      <c r="T41" s="156"/>
      <c r="U41" s="156" t="s">
        <v>163</v>
      </c>
      <c r="V41" s="156"/>
      <c r="W41" s="159" t="s">
        <v>160</v>
      </c>
    </row>
    <row r="43" spans="1:23" x14ac:dyDescent="0.55000000000000004">
      <c r="B43" s="7"/>
    </row>
    <row r="58" spans="4:7" x14ac:dyDescent="0.55000000000000004">
      <c r="D58" s="6" t="s">
        <v>136</v>
      </c>
      <c r="E58" s="6" t="s">
        <v>130</v>
      </c>
      <c r="F58" s="6" t="s">
        <v>136</v>
      </c>
      <c r="G58" s="6" t="s">
        <v>130</v>
      </c>
    </row>
    <row r="59" spans="4:7" x14ac:dyDescent="0.55000000000000004">
      <c r="D59" s="6" t="s">
        <v>153</v>
      </c>
      <c r="E59" s="6" t="s">
        <v>145</v>
      </c>
      <c r="F59" s="6" t="s">
        <v>153</v>
      </c>
      <c r="G59" s="6" t="s">
        <v>145</v>
      </c>
    </row>
    <row r="60" spans="4:7" x14ac:dyDescent="0.55000000000000004">
      <c r="D60" s="6" t="s">
        <v>138</v>
      </c>
      <c r="E60" s="6" t="s">
        <v>142</v>
      </c>
      <c r="F60" s="6" t="s">
        <v>138</v>
      </c>
      <c r="G60" s="6" t="s">
        <v>142</v>
      </c>
    </row>
    <row r="61" spans="4:7" x14ac:dyDescent="0.55000000000000004">
      <c r="D61" s="6" t="s">
        <v>154</v>
      </c>
      <c r="E61" s="6" t="s">
        <v>148</v>
      </c>
      <c r="F61" s="6" t="s">
        <v>154</v>
      </c>
      <c r="G61" s="6" t="s">
        <v>148</v>
      </c>
    </row>
    <row r="62" spans="4:7" x14ac:dyDescent="0.55000000000000004">
      <c r="D62" s="6" t="s">
        <v>155</v>
      </c>
      <c r="E62" s="6" t="s">
        <v>132</v>
      </c>
      <c r="F62" s="6" t="s">
        <v>155</v>
      </c>
      <c r="G62" s="6" t="s">
        <v>132</v>
      </c>
    </row>
    <row r="63" spans="4:7" x14ac:dyDescent="0.55000000000000004">
      <c r="E63" s="6" t="s">
        <v>147</v>
      </c>
      <c r="F63" s="6" t="s">
        <v>141</v>
      </c>
      <c r="G63" s="6" t="s">
        <v>147</v>
      </c>
    </row>
    <row r="64" spans="4:7" x14ac:dyDescent="0.55000000000000004">
      <c r="E64" s="6" t="s">
        <v>143</v>
      </c>
      <c r="F64" s="6" t="s">
        <v>156</v>
      </c>
      <c r="G64" s="6" t="s">
        <v>143</v>
      </c>
    </row>
    <row r="65" spans="5:7" x14ac:dyDescent="0.55000000000000004">
      <c r="E65" s="6" t="s">
        <v>149</v>
      </c>
      <c r="G65" s="6" t="s">
        <v>149</v>
      </c>
    </row>
    <row r="66" spans="5:7" x14ac:dyDescent="0.55000000000000004">
      <c r="E66" s="6" t="s">
        <v>128</v>
      </c>
      <c r="G66" s="6" t="s">
        <v>128</v>
      </c>
    </row>
    <row r="67" spans="5:7" x14ac:dyDescent="0.55000000000000004">
      <c r="E67" s="6" t="s">
        <v>134</v>
      </c>
      <c r="G67" s="6" t="s">
        <v>134</v>
      </c>
    </row>
    <row r="68" spans="5:7" x14ac:dyDescent="0.55000000000000004">
      <c r="E68" s="6" t="s">
        <v>126</v>
      </c>
      <c r="G68" s="6" t="s">
        <v>126</v>
      </c>
    </row>
    <row r="69" spans="5:7" x14ac:dyDescent="0.55000000000000004">
      <c r="E69" s="6" t="s">
        <v>150</v>
      </c>
      <c r="G69" s="6" t="s">
        <v>150</v>
      </c>
    </row>
    <row r="70" spans="5:7" x14ac:dyDescent="0.55000000000000004">
      <c r="E70" s="6" t="s">
        <v>151</v>
      </c>
    </row>
    <row r="71" spans="5:7" x14ac:dyDescent="0.55000000000000004">
      <c r="E71" s="6" t="s">
        <v>152</v>
      </c>
    </row>
  </sheetData>
  <mergeCells count="19">
    <mergeCell ref="A1:C2"/>
    <mergeCell ref="D1:M1"/>
    <mergeCell ref="N1:W1"/>
    <mergeCell ref="A3:A12"/>
    <mergeCell ref="B3:B12"/>
    <mergeCell ref="C4:C5"/>
    <mergeCell ref="C6:C7"/>
    <mergeCell ref="C8:C9"/>
    <mergeCell ref="C10:C11"/>
    <mergeCell ref="A38:A41"/>
    <mergeCell ref="B38:C38"/>
    <mergeCell ref="B39:C39"/>
    <mergeCell ref="B40:C40"/>
    <mergeCell ref="B41:C41"/>
    <mergeCell ref="A13:A37"/>
    <mergeCell ref="B13:B17"/>
    <mergeCell ref="B18:B24"/>
    <mergeCell ref="B25:B31"/>
    <mergeCell ref="B32:B37"/>
  </mergeCells>
  <phoneticPr fontId="1"/>
  <dataValidations count="4">
    <dataValidation type="list" allowBlank="1" showInputMessage="1" showErrorMessage="1" sqref="D38:W38">
      <formula1>$D$58:$D$62</formula1>
    </dataValidation>
    <dataValidation type="list" allowBlank="1" showInputMessage="1" showErrorMessage="1" sqref="D39:W39">
      <formula1>$E$58:$E$71</formula1>
    </dataValidation>
    <dataValidation type="list" allowBlank="1" showInputMessage="1" showErrorMessage="1" sqref="D40:W40">
      <formula1>$F$58:$F$64</formula1>
    </dataValidation>
    <dataValidation type="list" allowBlank="1" showInputMessage="1" showErrorMessage="1" sqref="D41:W41">
      <formula1>$G$58:$G$69</formula1>
    </dataValidation>
  </dataValidations>
  <pageMargins left="0.7" right="0.7" top="0.75" bottom="0.75" header="0.3" footer="0.3"/>
  <pageSetup paperSize="9" orientation="portrait" r:id="rId1"/>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Z70"/>
  <sheetViews>
    <sheetView zoomScale="77" zoomScaleNormal="77" workbookViewId="0">
      <selection activeCell="I9" sqref="I9:O9"/>
    </sheetView>
  </sheetViews>
  <sheetFormatPr defaultRowHeight="18" x14ac:dyDescent="0.55000000000000004"/>
  <cols>
    <col min="2" max="12" width="8.25" customWidth="1"/>
    <col min="13" max="19" width="6.6640625" customWidth="1"/>
    <col min="22" max="22" width="8.6640625" style="70" customWidth="1"/>
    <col min="23" max="25" width="8.6640625" style="70"/>
    <col min="26" max="26" width="8.6640625" style="63"/>
  </cols>
  <sheetData>
    <row r="1" spans="1:25" ht="42" customHeight="1" x14ac:dyDescent="0.55000000000000004">
      <c r="A1" s="459" t="s">
        <v>101</v>
      </c>
      <c r="B1" s="459"/>
      <c r="C1" s="459"/>
      <c r="D1" s="459"/>
      <c r="E1" s="459"/>
      <c r="F1" s="459"/>
      <c r="G1" s="459"/>
      <c r="H1" s="459"/>
      <c r="I1" s="459"/>
      <c r="J1" s="459"/>
      <c r="K1" s="459"/>
      <c r="L1" s="459"/>
      <c r="M1" s="459"/>
      <c r="N1" s="459"/>
      <c r="O1" s="459"/>
      <c r="P1" s="459"/>
      <c r="Q1" s="459"/>
      <c r="R1" s="77"/>
      <c r="S1" s="77"/>
    </row>
    <row r="2" spans="1:25" ht="52.5" customHeight="1" x14ac:dyDescent="0.55000000000000004">
      <c r="A2" s="565" t="s">
        <v>103</v>
      </c>
      <c r="B2" s="566"/>
      <c r="C2" s="566"/>
      <c r="D2" s="566"/>
      <c r="E2" s="566"/>
      <c r="F2" s="566"/>
      <c r="G2" s="566"/>
      <c r="H2" s="566"/>
      <c r="I2" s="566"/>
      <c r="J2" s="566"/>
      <c r="K2" s="566"/>
      <c r="L2" s="566"/>
      <c r="M2" s="566"/>
      <c r="N2" s="566"/>
      <c r="O2" s="566"/>
      <c r="P2" s="566"/>
      <c r="Q2" s="567"/>
      <c r="R2" s="78"/>
      <c r="S2" s="78"/>
    </row>
    <row r="3" spans="1:25" ht="91" customHeight="1" x14ac:dyDescent="0.55000000000000004">
      <c r="A3" s="473" t="s">
        <v>76</v>
      </c>
      <c r="B3" s="568" t="s">
        <v>102</v>
      </c>
      <c r="C3" s="568"/>
      <c r="D3" s="568"/>
      <c r="E3" s="558" t="s">
        <v>79</v>
      </c>
      <c r="F3" s="558"/>
      <c r="G3" s="558"/>
      <c r="H3" s="558"/>
      <c r="I3" s="558"/>
      <c r="J3" s="558"/>
      <c r="K3" s="558"/>
      <c r="L3" s="558"/>
      <c r="M3" s="558"/>
      <c r="N3" s="558"/>
      <c r="O3" s="558"/>
      <c r="P3" s="558"/>
      <c r="Q3" s="558"/>
      <c r="R3" s="84"/>
      <c r="S3" s="84"/>
      <c r="V3" s="65"/>
      <c r="W3" s="66"/>
      <c r="X3" s="67"/>
      <c r="Y3" s="67"/>
    </row>
    <row r="4" spans="1:25" ht="44" customHeight="1" x14ac:dyDescent="0.55000000000000004">
      <c r="A4" s="474"/>
      <c r="B4" s="568" t="s">
        <v>77</v>
      </c>
      <c r="C4" s="568"/>
      <c r="D4" s="568"/>
      <c r="E4" s="569" t="s">
        <v>87</v>
      </c>
      <c r="F4" s="569"/>
      <c r="G4" s="569"/>
      <c r="H4" s="569"/>
      <c r="I4" s="569"/>
      <c r="J4" s="569"/>
      <c r="K4" s="569"/>
      <c r="L4" s="569"/>
      <c r="M4" s="569"/>
      <c r="N4" s="569"/>
      <c r="O4" s="569"/>
      <c r="P4" s="569"/>
      <c r="Q4" s="569"/>
      <c r="R4" s="79"/>
      <c r="S4" s="79"/>
      <c r="W4" s="68"/>
      <c r="X4" s="68"/>
      <c r="Y4" s="68"/>
    </row>
    <row r="5" spans="1:25" ht="66.5" customHeight="1" x14ac:dyDescent="0.55000000000000004">
      <c r="A5" s="475"/>
      <c r="B5" s="568" t="s">
        <v>78</v>
      </c>
      <c r="C5" s="568"/>
      <c r="D5" s="568"/>
      <c r="E5" s="570" t="s">
        <v>86</v>
      </c>
      <c r="F5" s="570"/>
      <c r="G5" s="570"/>
      <c r="H5" s="570"/>
      <c r="I5" s="570"/>
      <c r="J5" s="570"/>
      <c r="K5" s="570"/>
      <c r="L5" s="570"/>
      <c r="M5" s="570"/>
      <c r="N5" s="570"/>
      <c r="O5" s="570"/>
      <c r="P5" s="570"/>
      <c r="Q5" s="570"/>
      <c r="R5" s="82"/>
      <c r="S5" s="82"/>
      <c r="W5" s="69"/>
      <c r="X5" s="69"/>
      <c r="Y5" s="69"/>
    </row>
    <row r="6" spans="1:25" ht="23" customHeight="1" x14ac:dyDescent="0.55000000000000004">
      <c r="A6" s="90"/>
      <c r="B6" s="93" t="s">
        <v>80</v>
      </c>
      <c r="C6" s="93">
        <v>1</v>
      </c>
      <c r="D6" s="93">
        <v>2</v>
      </c>
      <c r="E6" s="93">
        <v>3</v>
      </c>
      <c r="F6" s="93">
        <v>4</v>
      </c>
      <c r="G6" s="93">
        <v>5</v>
      </c>
      <c r="H6" s="93">
        <v>6</v>
      </c>
      <c r="I6" s="93">
        <v>7</v>
      </c>
      <c r="J6" s="93">
        <v>8</v>
      </c>
      <c r="K6" s="93">
        <v>9</v>
      </c>
      <c r="L6" s="93">
        <v>10</v>
      </c>
      <c r="M6" s="446" t="s">
        <v>99</v>
      </c>
      <c r="N6" s="446"/>
      <c r="O6" s="446"/>
      <c r="P6" s="446"/>
      <c r="Q6" s="446"/>
      <c r="R6" s="71"/>
      <c r="S6" s="71"/>
      <c r="W6" s="68"/>
      <c r="X6" s="68"/>
      <c r="Y6" s="68"/>
    </row>
    <row r="7" spans="1:25" ht="23" customHeight="1" x14ac:dyDescent="0.55000000000000004">
      <c r="A7" s="556" t="s">
        <v>3</v>
      </c>
      <c r="B7" s="466" t="s">
        <v>88</v>
      </c>
      <c r="C7" s="59"/>
      <c r="D7" s="60"/>
      <c r="E7" s="60"/>
      <c r="F7" s="60"/>
      <c r="G7" s="60"/>
      <c r="H7" s="60"/>
      <c r="I7" s="60"/>
      <c r="J7" s="60"/>
      <c r="K7" s="60"/>
      <c r="L7" s="61"/>
      <c r="M7" s="557" t="s">
        <v>114</v>
      </c>
      <c r="N7" s="558"/>
      <c r="O7" s="558"/>
      <c r="P7" s="558"/>
      <c r="Q7" s="558"/>
      <c r="R7" s="71"/>
      <c r="S7" s="71"/>
      <c r="W7" s="69"/>
      <c r="X7" s="69"/>
      <c r="Y7" s="69"/>
    </row>
    <row r="8" spans="1:25" ht="23" customHeight="1" x14ac:dyDescent="0.55000000000000004">
      <c r="A8" s="556"/>
      <c r="B8" s="467"/>
      <c r="C8" s="62"/>
      <c r="D8" s="63"/>
      <c r="E8" s="63"/>
      <c r="F8" s="63"/>
      <c r="G8" s="63"/>
      <c r="H8" s="63"/>
      <c r="I8" s="63"/>
      <c r="J8" s="63"/>
      <c r="K8" s="63"/>
      <c r="L8" s="64"/>
      <c r="M8" s="558"/>
      <c r="N8" s="558"/>
      <c r="O8" s="558"/>
      <c r="P8" s="558"/>
      <c r="Q8" s="558"/>
      <c r="R8" s="71"/>
      <c r="S8" s="71"/>
      <c r="W8" s="68"/>
      <c r="X8" s="68"/>
      <c r="Y8" s="68"/>
    </row>
    <row r="9" spans="1:25" ht="23" customHeight="1" x14ac:dyDescent="0.55000000000000004">
      <c r="A9" s="556"/>
      <c r="B9" s="467"/>
      <c r="C9" s="62"/>
      <c r="D9" s="63"/>
      <c r="E9" s="63"/>
      <c r="F9" s="63"/>
      <c r="G9" s="63"/>
      <c r="H9" s="63"/>
      <c r="I9" s="63"/>
      <c r="J9" s="63"/>
      <c r="K9" s="63"/>
      <c r="L9" s="64"/>
      <c r="M9" s="558"/>
      <c r="N9" s="558"/>
      <c r="O9" s="558"/>
      <c r="P9" s="558"/>
      <c r="Q9" s="558"/>
      <c r="R9" s="71"/>
      <c r="S9" s="71"/>
      <c r="W9" s="69"/>
      <c r="X9" s="69"/>
      <c r="Y9" s="69"/>
    </row>
    <row r="10" spans="1:25" ht="23" customHeight="1" x14ac:dyDescent="0.55000000000000004">
      <c r="A10" s="556"/>
      <c r="B10" s="467"/>
      <c r="C10" s="62"/>
      <c r="D10" s="63"/>
      <c r="E10" s="63"/>
      <c r="F10" s="63"/>
      <c r="G10" s="63"/>
      <c r="H10" s="63"/>
      <c r="I10" s="63"/>
      <c r="J10" s="63"/>
      <c r="K10" s="63"/>
      <c r="L10" s="64"/>
      <c r="M10" s="558"/>
      <c r="N10" s="558"/>
      <c r="O10" s="558"/>
      <c r="P10" s="558"/>
      <c r="Q10" s="558"/>
      <c r="R10" s="71"/>
      <c r="S10" s="71"/>
      <c r="W10" s="68"/>
      <c r="X10" s="68"/>
      <c r="Y10" s="68"/>
    </row>
    <row r="11" spans="1:25" ht="23" customHeight="1" x14ac:dyDescent="0.55000000000000004">
      <c r="A11" s="556"/>
      <c r="B11" s="467"/>
      <c r="C11" s="62"/>
      <c r="D11" s="63"/>
      <c r="E11" s="63"/>
      <c r="F11" s="63"/>
      <c r="G11" s="63"/>
      <c r="H11" s="63"/>
      <c r="I11" s="63"/>
      <c r="J11" s="63"/>
      <c r="K11" s="63"/>
      <c r="L11" s="64"/>
      <c r="M11" s="558"/>
      <c r="N11" s="558"/>
      <c r="O11" s="558"/>
      <c r="P11" s="558"/>
      <c r="Q11" s="558"/>
      <c r="R11" s="71"/>
      <c r="S11" s="71"/>
      <c r="X11" s="69"/>
      <c r="Y11" s="69"/>
    </row>
    <row r="12" spans="1:25" ht="23" customHeight="1" x14ac:dyDescent="0.55000000000000004">
      <c r="A12" s="556"/>
      <c r="B12" s="467"/>
      <c r="C12" s="62"/>
      <c r="D12" s="63"/>
      <c r="E12" s="63"/>
      <c r="F12" s="63"/>
      <c r="G12" s="63"/>
      <c r="H12" s="63"/>
      <c r="I12" s="63"/>
      <c r="J12" s="63"/>
      <c r="K12" s="63"/>
      <c r="L12" s="64"/>
      <c r="M12" s="558"/>
      <c r="N12" s="558"/>
      <c r="O12" s="558"/>
      <c r="P12" s="558"/>
      <c r="Q12" s="558"/>
      <c r="R12" s="71"/>
      <c r="S12" s="71"/>
      <c r="Y12" s="68"/>
    </row>
    <row r="13" spans="1:25" ht="23" customHeight="1" x14ac:dyDescent="0.55000000000000004">
      <c r="A13" s="556"/>
      <c r="B13" s="467"/>
      <c r="C13" s="62"/>
      <c r="D13" s="63"/>
      <c r="E13" s="63"/>
      <c r="F13" s="63"/>
      <c r="G13" s="63"/>
      <c r="H13" s="63"/>
      <c r="I13" s="63"/>
      <c r="J13" s="63"/>
      <c r="K13" s="63"/>
      <c r="L13" s="64"/>
      <c r="M13" s="558"/>
      <c r="N13" s="558"/>
      <c r="O13" s="558"/>
      <c r="P13" s="558"/>
      <c r="Q13" s="558"/>
      <c r="R13" s="71"/>
      <c r="S13" s="71"/>
    </row>
    <row r="14" spans="1:25" ht="23" customHeight="1" x14ac:dyDescent="0.55000000000000004">
      <c r="A14" s="556"/>
      <c r="B14" s="467"/>
      <c r="C14" s="62"/>
      <c r="D14" s="63"/>
      <c r="E14" s="63"/>
      <c r="F14" s="63"/>
      <c r="G14" s="63"/>
      <c r="H14" s="63"/>
      <c r="I14" s="63"/>
      <c r="J14" s="63"/>
      <c r="K14" s="63"/>
      <c r="L14" s="64"/>
      <c r="M14" s="558"/>
      <c r="N14" s="558"/>
      <c r="O14" s="558"/>
      <c r="P14" s="558"/>
      <c r="Q14" s="558"/>
      <c r="R14" s="71"/>
      <c r="S14" s="71"/>
    </row>
    <row r="15" spans="1:25" ht="23" customHeight="1" x14ac:dyDescent="0.55000000000000004">
      <c r="A15" s="556"/>
      <c r="B15" s="467"/>
      <c r="C15" s="62"/>
      <c r="D15" s="63"/>
      <c r="E15" s="63"/>
      <c r="F15" s="63"/>
      <c r="G15" s="63"/>
      <c r="H15" s="63"/>
      <c r="I15" s="63"/>
      <c r="J15" s="63"/>
      <c r="K15" s="63"/>
      <c r="L15" s="64"/>
      <c r="M15" s="558"/>
      <c r="N15" s="558"/>
      <c r="O15" s="558"/>
      <c r="P15" s="558"/>
      <c r="Q15" s="558"/>
      <c r="R15" s="71"/>
      <c r="S15" s="71"/>
    </row>
    <row r="16" spans="1:25" ht="23" customHeight="1" x14ac:dyDescent="0.55000000000000004">
      <c r="A16" s="556" t="s">
        <v>81</v>
      </c>
      <c r="B16" s="83"/>
      <c r="C16" s="93">
        <v>1</v>
      </c>
      <c r="D16" s="93">
        <v>2</v>
      </c>
      <c r="E16" s="93">
        <v>3</v>
      </c>
      <c r="F16" s="93">
        <v>4</v>
      </c>
      <c r="G16" s="93">
        <v>5</v>
      </c>
      <c r="H16" s="93">
        <v>6</v>
      </c>
      <c r="I16" s="93">
        <v>7</v>
      </c>
      <c r="J16" s="93">
        <v>8</v>
      </c>
      <c r="K16" s="93">
        <v>9</v>
      </c>
      <c r="L16" s="93">
        <v>10</v>
      </c>
      <c r="M16" s="446" t="s">
        <v>100</v>
      </c>
      <c r="N16" s="446"/>
      <c r="O16" s="446"/>
      <c r="P16" s="446"/>
      <c r="Q16" s="446"/>
      <c r="R16" s="71"/>
      <c r="S16" s="71"/>
    </row>
    <row r="17" spans="1:19" ht="23" customHeight="1" x14ac:dyDescent="0.55000000000000004">
      <c r="A17" s="556"/>
      <c r="B17" s="91" t="s">
        <v>82</v>
      </c>
      <c r="C17" s="170" t="str">
        <f>'【例】指導と評価の計画（ゴール型）'!D38</f>
        <v>①◎</v>
      </c>
      <c r="D17" s="170" t="str">
        <f>'【例】指導と評価の計画（ゴール型）'!E38</f>
        <v>③◎</v>
      </c>
      <c r="E17" s="170">
        <f>'【例】指導と評価の計画（ゴール型）'!F38</f>
        <v>0</v>
      </c>
      <c r="F17" s="170" t="str">
        <f>'【例】指導と評価の計画（ゴール型）'!G38</f>
        <v>③◎</v>
      </c>
      <c r="G17" s="170">
        <f>'【例】指導と評価の計画（ゴール型）'!H38</f>
        <v>0</v>
      </c>
      <c r="H17" s="170">
        <f>'【例】指導と評価の計画（ゴール型）'!I38</f>
        <v>0</v>
      </c>
      <c r="I17" s="170">
        <f>'【例】指導と評価の計画（ゴール型）'!J38</f>
        <v>0</v>
      </c>
      <c r="J17" s="170">
        <f>'【例】指導と評価の計画（ゴール型）'!K38</f>
        <v>0</v>
      </c>
      <c r="K17" s="170">
        <f>'【例】指導と評価の計画（ゴール型）'!L38</f>
        <v>0</v>
      </c>
      <c r="L17" s="562" t="s">
        <v>110</v>
      </c>
      <c r="M17" s="559" t="s">
        <v>111</v>
      </c>
      <c r="N17" s="559"/>
      <c r="O17" s="559"/>
      <c r="P17" s="559"/>
      <c r="Q17" s="559"/>
      <c r="R17" s="71"/>
      <c r="S17" s="71"/>
    </row>
    <row r="18" spans="1:19" ht="23" customHeight="1" x14ac:dyDescent="0.55000000000000004">
      <c r="A18" s="556"/>
      <c r="B18" s="92" t="s">
        <v>83</v>
      </c>
      <c r="C18" s="169">
        <f>'【例】指導と評価の計画（ゴール型）'!D39</f>
        <v>0</v>
      </c>
      <c r="D18" s="169" t="str">
        <f>'【例】指導と評価の計画（ゴール型）'!E39</f>
        <v>①〇</v>
      </c>
      <c r="E18" s="169" t="str">
        <f>'【例】指導と評価の計画（ゴール型）'!F39</f>
        <v>③〇</v>
      </c>
      <c r="F18" s="169">
        <f>'【例】指導と評価の計画（ゴール型）'!G39</f>
        <v>0</v>
      </c>
      <c r="G18" s="169" t="str">
        <f>'【例】指導と評価の計画（ゴール型）'!H39</f>
        <v>⑤〇</v>
      </c>
      <c r="H18" s="169" t="str">
        <f>'【例】指導と評価の計画（ゴール型）'!I39</f>
        <v>①●</v>
      </c>
      <c r="I18" s="169" t="str">
        <f>'【例】指導と評価の計画（ゴール型）'!J39</f>
        <v>③●</v>
      </c>
      <c r="J18" s="169" t="str">
        <f>'【例】指導と評価の計画（ゴール型）'!K39</f>
        <v>⑤●</v>
      </c>
      <c r="K18" s="169">
        <f>'【例】指導と評価の計画（ゴール型）'!L39</f>
        <v>0</v>
      </c>
      <c r="L18" s="563"/>
      <c r="M18" s="560" t="s">
        <v>112</v>
      </c>
      <c r="N18" s="560"/>
      <c r="O18" s="560"/>
      <c r="P18" s="560"/>
      <c r="Q18" s="560"/>
      <c r="R18" s="71"/>
      <c r="S18" s="71"/>
    </row>
    <row r="19" spans="1:19" ht="23" customHeight="1" x14ac:dyDescent="0.55000000000000004">
      <c r="A19" s="556"/>
      <c r="B19" s="93" t="s">
        <v>84</v>
      </c>
      <c r="C19" s="126">
        <f>'【例】指導と評価の計画（ゴール型）'!D40</f>
        <v>0</v>
      </c>
      <c r="D19" s="126">
        <f>'【例】指導と評価の計画（ゴール型）'!E40</f>
        <v>0</v>
      </c>
      <c r="E19" s="126">
        <f>'【例】指導と評価の計画（ゴール型）'!F40</f>
        <v>0</v>
      </c>
      <c r="F19" s="126">
        <f>'【例】指導と評価の計画（ゴール型）'!G40</f>
        <v>0</v>
      </c>
      <c r="G19" s="126">
        <f>'【例】指導と評価の計画（ゴール型）'!H40</f>
        <v>0</v>
      </c>
      <c r="H19" s="126" t="str">
        <f>'【例】指導と評価の計画（ゴール型）'!I40</f>
        <v>⑤◎</v>
      </c>
      <c r="I19" s="126" t="str">
        <f>'【例】指導と評価の計画（ゴール型）'!J40</f>
        <v>①◎</v>
      </c>
      <c r="J19" s="126">
        <f>'【例】指導と評価の計画（ゴール型）'!K40</f>
        <v>0</v>
      </c>
      <c r="K19" s="126" t="str">
        <f>'【例】指導と評価の計画（ゴール型）'!L40</f>
        <v>⑥◎</v>
      </c>
      <c r="L19" s="563"/>
      <c r="M19" s="561" t="s">
        <v>113</v>
      </c>
      <c r="N19" s="561"/>
      <c r="O19" s="561"/>
      <c r="P19" s="561"/>
      <c r="Q19" s="561"/>
      <c r="R19" s="71"/>
      <c r="S19" s="71"/>
    </row>
    <row r="20" spans="1:19" ht="23" customHeight="1" x14ac:dyDescent="0.55000000000000004">
      <c r="A20" s="556"/>
      <c r="B20" s="93" t="s">
        <v>85</v>
      </c>
      <c r="C20" s="165" t="str">
        <f>'【例】指導と評価の計画（ゴール型）'!D41</f>
        <v>⑥〇</v>
      </c>
      <c r="D20" s="167">
        <f>'【例】指導と評価の計画（ゴール型）'!E41</f>
        <v>0</v>
      </c>
      <c r="E20" s="167">
        <f>'【例】指導と評価の計画（ゴール型）'!F41</f>
        <v>0</v>
      </c>
      <c r="F20" s="167" t="str">
        <f>'【例】指導と評価の計画（ゴール型）'!G41</f>
        <v>⑤〇</v>
      </c>
      <c r="G20" s="167">
        <f>'【例】指導と評価の計画（ゴール型）'!H41</f>
        <v>0</v>
      </c>
      <c r="H20" s="167">
        <f>'【例】指導と評価の計画（ゴール型）'!I41</f>
        <v>0</v>
      </c>
      <c r="I20" s="167">
        <f>'【例】指導と評価の計画（ゴール型）'!J41</f>
        <v>0</v>
      </c>
      <c r="J20" s="167">
        <f>'【例】指導と評価の計画（ゴール型）'!K41</f>
        <v>0</v>
      </c>
      <c r="K20" s="166">
        <f>'【例】指導と評価の計画（ゴール型）'!L41</f>
        <v>0</v>
      </c>
      <c r="L20" s="564"/>
      <c r="M20" s="561" t="s">
        <v>113</v>
      </c>
      <c r="N20" s="561"/>
      <c r="O20" s="561"/>
      <c r="P20" s="561"/>
      <c r="Q20" s="561"/>
      <c r="R20" s="71"/>
      <c r="S20" s="71"/>
    </row>
    <row r="21" spans="1:19" ht="38" customHeight="1" x14ac:dyDescent="0.55000000000000004">
      <c r="A21" s="470" t="s">
        <v>89</v>
      </c>
      <c r="B21" s="481" t="s">
        <v>1</v>
      </c>
      <c r="C21" s="549" t="s">
        <v>97</v>
      </c>
      <c r="D21" s="550"/>
      <c r="E21" s="550"/>
      <c r="F21" s="550"/>
      <c r="G21" s="550"/>
      <c r="H21" s="550"/>
      <c r="I21" s="550"/>
      <c r="J21" s="550"/>
      <c r="K21" s="550"/>
      <c r="L21" s="550"/>
      <c r="M21" s="550"/>
      <c r="N21" s="550"/>
      <c r="O21" s="550"/>
      <c r="P21" s="550"/>
      <c r="Q21" s="551"/>
      <c r="R21" s="81"/>
      <c r="S21" s="81"/>
    </row>
    <row r="22" spans="1:19" ht="38" customHeight="1" x14ac:dyDescent="0.55000000000000004">
      <c r="A22" s="471"/>
      <c r="B22" s="481"/>
      <c r="C22" s="534" t="s">
        <v>98</v>
      </c>
      <c r="D22" s="535"/>
      <c r="E22" s="535"/>
      <c r="F22" s="535"/>
      <c r="G22" s="535"/>
      <c r="H22" s="535"/>
      <c r="I22" s="535"/>
      <c r="J22" s="535"/>
      <c r="K22" s="535"/>
      <c r="L22" s="535"/>
      <c r="M22" s="535"/>
      <c r="N22" s="535"/>
      <c r="O22" s="535"/>
      <c r="P22" s="535"/>
      <c r="Q22" s="536"/>
      <c r="R22" s="81"/>
      <c r="S22" s="81"/>
    </row>
    <row r="23" spans="1:19" ht="38" customHeight="1" x14ac:dyDescent="0.55000000000000004">
      <c r="A23" s="471"/>
      <c r="B23" s="481"/>
      <c r="C23" s="534"/>
      <c r="D23" s="535"/>
      <c r="E23" s="535"/>
      <c r="F23" s="535"/>
      <c r="G23" s="535"/>
      <c r="H23" s="535"/>
      <c r="I23" s="535"/>
      <c r="J23" s="535"/>
      <c r="K23" s="535"/>
      <c r="L23" s="535"/>
      <c r="M23" s="535"/>
      <c r="N23" s="535"/>
      <c r="O23" s="535"/>
      <c r="P23" s="535"/>
      <c r="Q23" s="536"/>
      <c r="R23" s="81"/>
      <c r="S23" s="81"/>
    </row>
    <row r="24" spans="1:19" ht="38" customHeight="1" x14ac:dyDescent="0.55000000000000004">
      <c r="A24" s="471"/>
      <c r="B24" s="482"/>
      <c r="C24" s="534"/>
      <c r="D24" s="535"/>
      <c r="E24" s="535"/>
      <c r="F24" s="535"/>
      <c r="G24" s="535"/>
      <c r="H24" s="535"/>
      <c r="I24" s="535"/>
      <c r="J24" s="535"/>
      <c r="K24" s="535"/>
      <c r="L24" s="535"/>
      <c r="M24" s="535"/>
      <c r="N24" s="535"/>
      <c r="O24" s="535"/>
      <c r="P24" s="535"/>
      <c r="Q24" s="536"/>
      <c r="R24" s="81"/>
      <c r="S24" s="81"/>
    </row>
    <row r="25" spans="1:19" ht="38" customHeight="1" x14ac:dyDescent="0.55000000000000004">
      <c r="A25" s="471"/>
      <c r="B25" s="480" t="s">
        <v>104</v>
      </c>
      <c r="C25" s="552" t="s">
        <v>105</v>
      </c>
      <c r="D25" s="553"/>
      <c r="E25" s="553"/>
      <c r="F25" s="553"/>
      <c r="G25" s="553"/>
      <c r="H25" s="553"/>
      <c r="I25" s="553"/>
      <c r="J25" s="553"/>
      <c r="K25" s="553"/>
      <c r="L25" s="553"/>
      <c r="M25" s="553"/>
      <c r="N25" s="553"/>
      <c r="O25" s="553"/>
      <c r="P25" s="553"/>
      <c r="Q25" s="554"/>
      <c r="R25" s="79"/>
      <c r="S25" s="79"/>
    </row>
    <row r="26" spans="1:19" ht="38" customHeight="1" x14ac:dyDescent="0.55000000000000004">
      <c r="A26" s="471"/>
      <c r="B26" s="477"/>
      <c r="C26" s="534" t="s">
        <v>91</v>
      </c>
      <c r="D26" s="535"/>
      <c r="E26" s="535"/>
      <c r="F26" s="535"/>
      <c r="G26" s="535"/>
      <c r="H26" s="535"/>
      <c r="I26" s="535"/>
      <c r="J26" s="535"/>
      <c r="K26" s="535"/>
      <c r="L26" s="535"/>
      <c r="M26" s="535"/>
      <c r="N26" s="535"/>
      <c r="O26" s="535"/>
      <c r="P26" s="535"/>
      <c r="Q26" s="536"/>
      <c r="R26" s="79"/>
      <c r="S26" s="79"/>
    </row>
    <row r="27" spans="1:19" ht="38" customHeight="1" x14ac:dyDescent="0.55000000000000004">
      <c r="A27" s="471"/>
      <c r="B27" s="477"/>
      <c r="C27" s="534" t="s">
        <v>90</v>
      </c>
      <c r="D27" s="535"/>
      <c r="E27" s="535"/>
      <c r="F27" s="535"/>
      <c r="G27" s="535"/>
      <c r="H27" s="535"/>
      <c r="I27" s="535"/>
      <c r="J27" s="535"/>
      <c r="K27" s="535"/>
      <c r="L27" s="535"/>
      <c r="M27" s="535"/>
      <c r="N27" s="535"/>
      <c r="O27" s="535"/>
      <c r="P27" s="535"/>
      <c r="Q27" s="536"/>
      <c r="R27" s="79"/>
      <c r="S27" s="79"/>
    </row>
    <row r="28" spans="1:19" ht="38" customHeight="1" x14ac:dyDescent="0.55000000000000004">
      <c r="A28" s="471"/>
      <c r="B28" s="477"/>
      <c r="C28" s="534"/>
      <c r="D28" s="535"/>
      <c r="E28" s="535"/>
      <c r="F28" s="535"/>
      <c r="G28" s="535"/>
      <c r="H28" s="535"/>
      <c r="I28" s="535"/>
      <c r="J28" s="535"/>
      <c r="K28" s="535"/>
      <c r="L28" s="535"/>
      <c r="M28" s="535"/>
      <c r="N28" s="535"/>
      <c r="O28" s="535"/>
      <c r="P28" s="535"/>
      <c r="Q28" s="536"/>
      <c r="R28" s="79"/>
      <c r="S28" s="79"/>
    </row>
    <row r="29" spans="1:19" ht="38" customHeight="1" x14ac:dyDescent="0.55000000000000004">
      <c r="A29" s="471"/>
      <c r="B29" s="477"/>
      <c r="C29" s="534"/>
      <c r="D29" s="535"/>
      <c r="E29" s="535"/>
      <c r="F29" s="535"/>
      <c r="G29" s="535"/>
      <c r="H29" s="535"/>
      <c r="I29" s="535"/>
      <c r="J29" s="535"/>
      <c r="K29" s="535"/>
      <c r="L29" s="535"/>
      <c r="M29" s="535"/>
      <c r="N29" s="535"/>
      <c r="O29" s="535"/>
      <c r="P29" s="535"/>
      <c r="Q29" s="536"/>
      <c r="R29" s="79"/>
      <c r="S29" s="79"/>
    </row>
    <row r="30" spans="1:19" ht="38" customHeight="1" x14ac:dyDescent="0.55000000000000004">
      <c r="A30" s="471"/>
      <c r="B30" s="478"/>
      <c r="C30" s="534"/>
      <c r="D30" s="535"/>
      <c r="E30" s="535"/>
      <c r="F30" s="535"/>
      <c r="G30" s="535"/>
      <c r="H30" s="535"/>
      <c r="I30" s="535"/>
      <c r="J30" s="535"/>
      <c r="K30" s="535"/>
      <c r="L30" s="535"/>
      <c r="M30" s="535"/>
      <c r="N30" s="535"/>
      <c r="O30" s="535"/>
      <c r="P30" s="535"/>
      <c r="Q30" s="536"/>
      <c r="R30" s="79"/>
      <c r="S30" s="79"/>
    </row>
    <row r="31" spans="1:19" ht="38" customHeight="1" x14ac:dyDescent="0.55000000000000004">
      <c r="A31" s="471"/>
      <c r="B31" s="477" t="s">
        <v>96</v>
      </c>
      <c r="C31" s="555" t="s">
        <v>95</v>
      </c>
      <c r="D31" s="550"/>
      <c r="E31" s="550"/>
      <c r="F31" s="550"/>
      <c r="G31" s="550"/>
      <c r="H31" s="550"/>
      <c r="I31" s="550"/>
      <c r="J31" s="550"/>
      <c r="K31" s="550"/>
      <c r="L31" s="550"/>
      <c r="M31" s="550"/>
      <c r="N31" s="550"/>
      <c r="O31" s="550"/>
      <c r="P31" s="550"/>
      <c r="Q31" s="551"/>
      <c r="R31" s="79"/>
      <c r="S31" s="79"/>
    </row>
    <row r="32" spans="1:19" ht="37.5" customHeight="1" x14ac:dyDescent="0.55000000000000004">
      <c r="A32" s="471"/>
      <c r="B32" s="479"/>
      <c r="C32" s="534" t="s">
        <v>106</v>
      </c>
      <c r="D32" s="535"/>
      <c r="E32" s="535"/>
      <c r="F32" s="535"/>
      <c r="G32" s="535"/>
      <c r="H32" s="535"/>
      <c r="I32" s="535"/>
      <c r="J32" s="535"/>
      <c r="K32" s="535"/>
      <c r="L32" s="535"/>
      <c r="M32" s="535"/>
      <c r="N32" s="535"/>
      <c r="O32" s="535"/>
      <c r="P32" s="535"/>
      <c r="Q32" s="536"/>
      <c r="R32" s="79"/>
      <c r="S32" s="79"/>
    </row>
    <row r="33" spans="1:19" ht="37.5" customHeight="1" x14ac:dyDescent="0.55000000000000004">
      <c r="A33" s="471"/>
      <c r="B33" s="479"/>
      <c r="C33" s="534" t="s">
        <v>107</v>
      </c>
      <c r="D33" s="535"/>
      <c r="E33" s="535"/>
      <c r="F33" s="535"/>
      <c r="G33" s="535"/>
      <c r="H33" s="535"/>
      <c r="I33" s="535"/>
      <c r="J33" s="535"/>
      <c r="K33" s="535"/>
      <c r="L33" s="535"/>
      <c r="M33" s="535"/>
      <c r="N33" s="535"/>
      <c r="O33" s="535"/>
      <c r="P33" s="535"/>
      <c r="Q33" s="536"/>
      <c r="R33" s="79"/>
      <c r="S33" s="79"/>
    </row>
    <row r="34" spans="1:19" ht="37.5" customHeight="1" x14ac:dyDescent="0.55000000000000004">
      <c r="A34" s="471"/>
      <c r="B34" s="479"/>
      <c r="C34" s="537"/>
      <c r="D34" s="538"/>
      <c r="E34" s="538"/>
      <c r="F34" s="538"/>
      <c r="G34" s="538"/>
      <c r="H34" s="538"/>
      <c r="I34" s="538"/>
      <c r="J34" s="538"/>
      <c r="K34" s="538"/>
      <c r="L34" s="538"/>
      <c r="M34" s="538"/>
      <c r="N34" s="538"/>
      <c r="O34" s="538"/>
      <c r="P34" s="538"/>
      <c r="Q34" s="539"/>
      <c r="R34" s="79"/>
      <c r="S34" s="79"/>
    </row>
    <row r="35" spans="1:19" ht="37.5" customHeight="1" x14ac:dyDescent="0.55000000000000004">
      <c r="A35" s="471"/>
      <c r="B35" s="476" t="s">
        <v>5</v>
      </c>
      <c r="C35" s="540" t="s">
        <v>108</v>
      </c>
      <c r="D35" s="541"/>
      <c r="E35" s="541"/>
      <c r="F35" s="541"/>
      <c r="G35" s="541"/>
      <c r="H35" s="541"/>
      <c r="I35" s="541"/>
      <c r="J35" s="541"/>
      <c r="K35" s="541"/>
      <c r="L35" s="541"/>
      <c r="M35" s="541"/>
      <c r="N35" s="541"/>
      <c r="O35" s="541"/>
      <c r="P35" s="541"/>
      <c r="Q35" s="542"/>
      <c r="R35" s="80"/>
      <c r="S35" s="80"/>
    </row>
    <row r="36" spans="1:19" ht="37.5" customHeight="1" x14ac:dyDescent="0.55000000000000004">
      <c r="A36" s="471"/>
      <c r="B36" s="477"/>
      <c r="C36" s="543" t="s">
        <v>109</v>
      </c>
      <c r="D36" s="544"/>
      <c r="E36" s="544"/>
      <c r="F36" s="544"/>
      <c r="G36" s="544"/>
      <c r="H36" s="544"/>
      <c r="I36" s="544"/>
      <c r="J36" s="544"/>
      <c r="K36" s="544"/>
      <c r="L36" s="544"/>
      <c r="M36" s="544"/>
      <c r="N36" s="544"/>
      <c r="O36" s="544"/>
      <c r="P36" s="544"/>
      <c r="Q36" s="545"/>
      <c r="R36" s="80"/>
      <c r="S36" s="80"/>
    </row>
    <row r="37" spans="1:19" ht="37.5" customHeight="1" x14ac:dyDescent="0.55000000000000004">
      <c r="A37" s="471"/>
      <c r="B37" s="477"/>
      <c r="C37" s="543"/>
      <c r="D37" s="544"/>
      <c r="E37" s="544"/>
      <c r="F37" s="544"/>
      <c r="G37" s="544"/>
      <c r="H37" s="544"/>
      <c r="I37" s="544"/>
      <c r="J37" s="544"/>
      <c r="K37" s="544"/>
      <c r="L37" s="544"/>
      <c r="M37" s="544"/>
      <c r="N37" s="544"/>
      <c r="O37" s="544"/>
      <c r="P37" s="544"/>
      <c r="Q37" s="545"/>
      <c r="R37" s="80"/>
      <c r="S37" s="80"/>
    </row>
    <row r="38" spans="1:19" ht="37.5" customHeight="1" x14ac:dyDescent="0.55000000000000004">
      <c r="A38" s="472"/>
      <c r="B38" s="478"/>
      <c r="C38" s="546"/>
      <c r="D38" s="547"/>
      <c r="E38" s="547"/>
      <c r="F38" s="547"/>
      <c r="G38" s="547"/>
      <c r="H38" s="547"/>
      <c r="I38" s="547"/>
      <c r="J38" s="547"/>
      <c r="K38" s="547"/>
      <c r="L38" s="547"/>
      <c r="M38" s="547"/>
      <c r="N38" s="547"/>
      <c r="O38" s="547"/>
      <c r="P38" s="547"/>
      <c r="Q38" s="548"/>
      <c r="R38" s="80"/>
      <c r="S38" s="80"/>
    </row>
    <row r="39" spans="1:19" ht="37.5" customHeight="1" x14ac:dyDescent="0.55000000000000004"/>
    <row r="43" spans="1:19" ht="29" customHeight="1" x14ac:dyDescent="0.55000000000000004"/>
    <row r="52" spans="2:2" ht="28.5" customHeight="1" x14ac:dyDescent="0.55000000000000004"/>
    <row r="62" spans="2:2" ht="28.5" customHeight="1" x14ac:dyDescent="0.55000000000000004">
      <c r="B62" s="63"/>
    </row>
    <row r="63" spans="2:2"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sheetData>
  <mergeCells count="43">
    <mergeCell ref="A1:Q1"/>
    <mergeCell ref="A2:Q2"/>
    <mergeCell ref="A3:A5"/>
    <mergeCell ref="B3:D3"/>
    <mergeCell ref="E3:Q3"/>
    <mergeCell ref="B4:D4"/>
    <mergeCell ref="E4:Q4"/>
    <mergeCell ref="B5:D5"/>
    <mergeCell ref="E5:Q5"/>
    <mergeCell ref="M6:Q6"/>
    <mergeCell ref="A7:A15"/>
    <mergeCell ref="B7:B15"/>
    <mergeCell ref="M7:Q15"/>
    <mergeCell ref="A16:A20"/>
    <mergeCell ref="M16:Q16"/>
    <mergeCell ref="M17:Q17"/>
    <mergeCell ref="M18:Q18"/>
    <mergeCell ref="M19:Q19"/>
    <mergeCell ref="M20:Q20"/>
    <mergeCell ref="L17:L20"/>
    <mergeCell ref="A21:A38"/>
    <mergeCell ref="B21:B24"/>
    <mergeCell ref="C21:Q21"/>
    <mergeCell ref="C22:Q22"/>
    <mergeCell ref="C23:Q23"/>
    <mergeCell ref="C24:Q24"/>
    <mergeCell ref="B25:B30"/>
    <mergeCell ref="C25:Q25"/>
    <mergeCell ref="C26:Q26"/>
    <mergeCell ref="C27:Q27"/>
    <mergeCell ref="C28:Q28"/>
    <mergeCell ref="C29:Q29"/>
    <mergeCell ref="C30:Q30"/>
    <mergeCell ref="B31:B34"/>
    <mergeCell ref="C31:Q31"/>
    <mergeCell ref="C32:Q32"/>
    <mergeCell ref="C33:Q33"/>
    <mergeCell ref="C34:Q34"/>
    <mergeCell ref="B35:B38"/>
    <mergeCell ref="C35:Q35"/>
    <mergeCell ref="C36:Q36"/>
    <mergeCell ref="C37:Q37"/>
    <mergeCell ref="C38:Q38"/>
  </mergeCells>
  <phoneticPr fontId="1"/>
  <dataValidations count="13">
    <dataValidation type="list" allowBlank="1" showInputMessage="1" showErrorMessage="1" sqref="S30">
      <formula1>INDIRECT(Q25)</formula1>
    </dataValidation>
    <dataValidation type="list" allowBlank="1" showInputMessage="1" showErrorMessage="1" sqref="C30:R30">
      <formula1>INDIRECT(B25)</formula1>
    </dataValidation>
    <dataValidation type="list" allowBlank="1" showInputMessage="1" showErrorMessage="1" sqref="S29">
      <formula1>INDIRECT(Q25)</formula1>
    </dataValidation>
    <dataValidation type="list" allowBlank="1" showInputMessage="1" showErrorMessage="1" sqref="C29:R29">
      <formula1>INDIRECT(B25)</formula1>
    </dataValidation>
    <dataValidation type="list" allowBlank="1" showInputMessage="1" showErrorMessage="1" sqref="S28">
      <formula1>INDIRECT(Q25)</formula1>
    </dataValidation>
    <dataValidation type="list" allowBlank="1" showInputMessage="1" showErrorMessage="1" sqref="C28:R28">
      <formula1>INDIRECT(B25)</formula1>
    </dataValidation>
    <dataValidation type="list" allowBlank="1" showInputMessage="1" showErrorMessage="1" sqref="S27">
      <formula1>INDIRECT(Q25)</formula1>
    </dataValidation>
    <dataValidation type="list" allowBlank="1" showInputMessage="1" showErrorMessage="1" sqref="C27:R27">
      <formula1>INDIRECT(B25)</formula1>
    </dataValidation>
    <dataValidation type="list" allowBlank="1" showInputMessage="1" showErrorMessage="1" sqref="S26">
      <formula1>INDIRECT(Q25)</formula1>
    </dataValidation>
    <dataValidation type="list" allowBlank="1" showInputMessage="1" showErrorMessage="1" sqref="C26:R26">
      <formula1>INDIRECT(B25)</formula1>
    </dataValidation>
    <dataValidation type="list" allowBlank="1" showInputMessage="1" showErrorMessage="1" sqref="C25">
      <formula1>INDIRECT(B25)</formula1>
    </dataValidation>
    <dataValidation type="list" allowBlank="1" showInputMessage="1" showErrorMessage="1" sqref="AB7:AB11">
      <formula1>$AG$7:$AG$11</formula1>
    </dataValidation>
    <dataValidation type="list" allowBlank="1" showInputMessage="1" showErrorMessage="1" sqref="B25:B30">
      <formula1>"技能【ゴール型】,技能【ネット型】,技能【ベースボール型】"</formula1>
    </dataValidation>
  </dataValidations>
  <printOptions horizontalCentered="1" verticalCentered="1"/>
  <pageMargins left="0.70866141732283472" right="0.70866141732283472" top="0.74803149606299213" bottom="0.74803149606299213" header="0.31496062992125984" footer="0.31496062992125984"/>
  <pageSetup paperSize="9" scale="53" orientation="portrait" r:id="rId1"/>
  <rowBreaks count="1" manualBreakCount="1">
    <brk id="38" max="16" man="1"/>
  </rowBreaks>
  <drawing r:id="rId2"/>
  <extLst>
    <ext xmlns:x14="http://schemas.microsoft.com/office/spreadsheetml/2009/9/main" uri="{CCE6A557-97BC-4b89-ADB6-D9C93CAAB3DF}">
      <x14:dataValidations xmlns:xm="http://schemas.microsoft.com/office/excel/2006/main" count="3">
        <x14:dataValidation type="list" allowBlank="1" showInputMessage="1" showErrorMessage="1">
          <x14:formula1>
            <xm:f>リスト!$B$1:$B$5</xm:f>
          </x14:formula1>
          <xm:sqref>C21:C24</xm:sqref>
        </x14:dataValidation>
        <x14:dataValidation type="list" allowBlank="1" showInputMessage="1" showErrorMessage="1">
          <x14:formula1>
            <xm:f>リスト!$G$1:$G$6</xm:f>
          </x14:formula1>
          <xm:sqref>C35:C38</xm:sqref>
        </x14:dataValidation>
        <x14:dataValidation type="list" allowBlank="1" showInputMessage="1" showErrorMessage="1">
          <x14:formula1>
            <xm:f>リスト!$F$1:$F$7</xm:f>
          </x14:formula1>
          <xm:sqref>C31:C34</xm:sqref>
        </x14:dataValidation>
      </x14:dataValidations>
    </ext>
  </extLst>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249977111117893"/>
    <pageSetUpPr fitToPage="1"/>
  </sheetPr>
  <dimension ref="A1:O32"/>
  <sheetViews>
    <sheetView workbookViewId="0">
      <selection activeCell="I9" sqref="I9:O9"/>
    </sheetView>
  </sheetViews>
  <sheetFormatPr defaultRowHeight="18" x14ac:dyDescent="0.55000000000000004"/>
  <cols>
    <col min="1" max="1" width="16.58203125" customWidth="1"/>
    <col min="2" max="15" width="12.58203125" customWidth="1"/>
  </cols>
  <sheetData>
    <row r="1" spans="1:15" ht="40.5" customHeight="1" thickBot="1" x14ac:dyDescent="0.6">
      <c r="A1" s="626" t="s">
        <v>248</v>
      </c>
      <c r="B1" s="626"/>
      <c r="C1" s="626"/>
      <c r="D1" s="626"/>
      <c r="E1" s="626"/>
      <c r="F1" s="626"/>
      <c r="G1" s="626"/>
      <c r="H1" s="626"/>
      <c r="I1" s="626"/>
      <c r="J1" s="626"/>
      <c r="K1" s="626"/>
      <c r="L1" s="626"/>
      <c r="M1" s="626"/>
      <c r="N1" s="626"/>
      <c r="O1" s="626"/>
    </row>
    <row r="2" spans="1:15" ht="21.5" customHeight="1" thickBot="1" x14ac:dyDescent="0.6">
      <c r="A2" s="186" t="s">
        <v>249</v>
      </c>
      <c r="B2" s="627" t="s">
        <v>250</v>
      </c>
      <c r="C2" s="628"/>
      <c r="D2" s="628"/>
      <c r="E2" s="628"/>
      <c r="F2" s="628"/>
      <c r="G2" s="628"/>
      <c r="H2" s="628"/>
      <c r="I2" s="629" t="s">
        <v>251</v>
      </c>
      <c r="J2" s="629"/>
      <c r="K2" s="629"/>
      <c r="L2" s="629"/>
      <c r="M2" s="629"/>
      <c r="N2" s="629"/>
      <c r="O2" s="630"/>
    </row>
    <row r="3" spans="1:15" ht="36" customHeight="1" thickTop="1" x14ac:dyDescent="0.55000000000000004">
      <c r="A3" s="601" t="s">
        <v>252</v>
      </c>
      <c r="B3" s="604" t="s">
        <v>253</v>
      </c>
      <c r="C3" s="605"/>
      <c r="D3" s="605"/>
      <c r="E3" s="605"/>
      <c r="F3" s="605"/>
      <c r="G3" s="605"/>
      <c r="H3" s="606"/>
      <c r="I3" s="632" t="s">
        <v>209</v>
      </c>
      <c r="J3" s="633"/>
      <c r="K3" s="633"/>
      <c r="L3" s="633"/>
      <c r="M3" s="633"/>
      <c r="N3" s="633"/>
      <c r="O3" s="634"/>
    </row>
    <row r="4" spans="1:15" ht="36" customHeight="1" x14ac:dyDescent="0.55000000000000004">
      <c r="A4" s="631"/>
      <c r="B4" s="619" t="s">
        <v>254</v>
      </c>
      <c r="C4" s="620"/>
      <c r="D4" s="620"/>
      <c r="E4" s="620"/>
      <c r="F4" s="620"/>
      <c r="G4" s="620"/>
      <c r="H4" s="621"/>
      <c r="I4" s="635" t="s">
        <v>210</v>
      </c>
      <c r="J4" s="636"/>
      <c r="K4" s="636"/>
      <c r="L4" s="636"/>
      <c r="M4" s="636"/>
      <c r="N4" s="636"/>
      <c r="O4" s="637"/>
    </row>
    <row r="5" spans="1:15" ht="36" customHeight="1" x14ac:dyDescent="0.55000000000000004">
      <c r="A5" s="631"/>
      <c r="B5" s="619" t="s">
        <v>255</v>
      </c>
      <c r="C5" s="620"/>
      <c r="D5" s="620"/>
      <c r="E5" s="620"/>
      <c r="F5" s="620"/>
      <c r="G5" s="620"/>
      <c r="H5" s="621"/>
      <c r="I5" s="622" t="s">
        <v>211</v>
      </c>
      <c r="J5" s="623"/>
      <c r="K5" s="623"/>
      <c r="L5" s="623"/>
      <c r="M5" s="623"/>
      <c r="N5" s="623"/>
      <c r="O5" s="624"/>
    </row>
    <row r="6" spans="1:15" ht="36" customHeight="1" x14ac:dyDescent="0.55000000000000004">
      <c r="A6" s="631"/>
      <c r="B6" s="619" t="s">
        <v>256</v>
      </c>
      <c r="C6" s="620"/>
      <c r="D6" s="620"/>
      <c r="E6" s="620"/>
      <c r="F6" s="620"/>
      <c r="G6" s="620"/>
      <c r="H6" s="621"/>
      <c r="I6" s="622" t="s">
        <v>212</v>
      </c>
      <c r="J6" s="623"/>
      <c r="K6" s="623"/>
      <c r="L6" s="623"/>
      <c r="M6" s="623"/>
      <c r="N6" s="623"/>
      <c r="O6" s="624"/>
    </row>
    <row r="7" spans="1:15" ht="36" customHeight="1" x14ac:dyDescent="0.55000000000000004">
      <c r="A7" s="631"/>
      <c r="B7" s="619" t="s">
        <v>257</v>
      </c>
      <c r="C7" s="620"/>
      <c r="D7" s="620"/>
      <c r="E7" s="620"/>
      <c r="F7" s="620"/>
      <c r="G7" s="620"/>
      <c r="H7" s="621"/>
      <c r="I7" s="638"/>
      <c r="J7" s="639"/>
      <c r="K7" s="639"/>
      <c r="L7" s="639"/>
      <c r="M7" s="639"/>
      <c r="N7" s="639"/>
      <c r="O7" s="640"/>
    </row>
    <row r="8" spans="1:15" ht="18" customHeight="1" x14ac:dyDescent="0.55000000000000004">
      <c r="A8" s="602" t="s">
        <v>258</v>
      </c>
      <c r="B8" s="619" t="s">
        <v>105</v>
      </c>
      <c r="C8" s="620"/>
      <c r="D8" s="620"/>
      <c r="E8" s="620"/>
      <c r="F8" s="620"/>
      <c r="G8" s="620"/>
      <c r="H8" s="621"/>
      <c r="I8" s="622" t="s">
        <v>204</v>
      </c>
      <c r="J8" s="623"/>
      <c r="K8" s="623"/>
      <c r="L8" s="623"/>
      <c r="M8" s="623"/>
      <c r="N8" s="623"/>
      <c r="O8" s="624"/>
    </row>
    <row r="9" spans="1:15" ht="18" customHeight="1" x14ac:dyDescent="0.55000000000000004">
      <c r="A9" s="602"/>
      <c r="B9" s="595" t="s">
        <v>259</v>
      </c>
      <c r="C9" s="596"/>
      <c r="D9" s="596"/>
      <c r="E9" s="596"/>
      <c r="F9" s="596"/>
      <c r="G9" s="596"/>
      <c r="H9" s="597"/>
      <c r="I9" s="625" t="s">
        <v>203</v>
      </c>
      <c r="J9" s="599"/>
      <c r="K9" s="599"/>
      <c r="L9" s="599"/>
      <c r="M9" s="599"/>
      <c r="N9" s="599"/>
      <c r="O9" s="600"/>
    </row>
    <row r="10" spans="1:15" ht="18" customHeight="1" x14ac:dyDescent="0.55000000000000004">
      <c r="A10" s="602"/>
      <c r="B10" s="595" t="s">
        <v>91</v>
      </c>
      <c r="C10" s="596"/>
      <c r="D10" s="596"/>
      <c r="E10" s="596"/>
      <c r="F10" s="596"/>
      <c r="G10" s="596"/>
      <c r="H10" s="597"/>
      <c r="I10" s="625" t="s">
        <v>205</v>
      </c>
      <c r="J10" s="599"/>
      <c r="K10" s="599"/>
      <c r="L10" s="599"/>
      <c r="M10" s="599"/>
      <c r="N10" s="599"/>
      <c r="O10" s="600"/>
    </row>
    <row r="11" spans="1:15" ht="36" customHeight="1" x14ac:dyDescent="0.55000000000000004">
      <c r="A11" s="602"/>
      <c r="B11" s="595" t="s">
        <v>260</v>
      </c>
      <c r="C11" s="596"/>
      <c r="D11" s="596"/>
      <c r="E11" s="596"/>
      <c r="F11" s="596"/>
      <c r="G11" s="596"/>
      <c r="H11" s="597"/>
      <c r="I11" s="625" t="s">
        <v>213</v>
      </c>
      <c r="J11" s="599"/>
      <c r="K11" s="599"/>
      <c r="L11" s="599"/>
      <c r="M11" s="599"/>
      <c r="N11" s="599"/>
      <c r="O11" s="600"/>
    </row>
    <row r="12" spans="1:15" ht="18" customHeight="1" x14ac:dyDescent="0.55000000000000004">
      <c r="A12" s="602"/>
      <c r="B12" s="595" t="s">
        <v>90</v>
      </c>
      <c r="C12" s="596"/>
      <c r="D12" s="596"/>
      <c r="E12" s="596"/>
      <c r="F12" s="596"/>
      <c r="G12" s="596"/>
      <c r="H12" s="597"/>
      <c r="I12" s="625" t="s">
        <v>261</v>
      </c>
      <c r="J12" s="599"/>
      <c r="K12" s="599"/>
      <c r="L12" s="599"/>
      <c r="M12" s="599"/>
      <c r="N12" s="599"/>
      <c r="O12" s="600"/>
    </row>
    <row r="13" spans="1:15" ht="36" customHeight="1" x14ac:dyDescent="0.55000000000000004">
      <c r="A13" s="602"/>
      <c r="B13" s="595" t="s">
        <v>262</v>
      </c>
      <c r="C13" s="596"/>
      <c r="D13" s="596"/>
      <c r="E13" s="596"/>
      <c r="F13" s="596"/>
      <c r="G13" s="596"/>
      <c r="H13" s="597"/>
      <c r="I13" s="625" t="s">
        <v>214</v>
      </c>
      <c r="J13" s="599"/>
      <c r="K13" s="599"/>
      <c r="L13" s="599"/>
      <c r="M13" s="599"/>
      <c r="N13" s="599"/>
      <c r="O13" s="600"/>
    </row>
    <row r="14" spans="1:15" ht="18" customHeight="1" x14ac:dyDescent="0.55000000000000004">
      <c r="A14" s="602"/>
      <c r="B14" s="595" t="s">
        <v>263</v>
      </c>
      <c r="C14" s="596"/>
      <c r="D14" s="596"/>
      <c r="E14" s="596"/>
      <c r="F14" s="596"/>
      <c r="G14" s="596"/>
      <c r="H14" s="597"/>
      <c r="I14" s="625" t="s">
        <v>264</v>
      </c>
      <c r="J14" s="599"/>
      <c r="K14" s="599"/>
      <c r="L14" s="599"/>
      <c r="M14" s="599"/>
      <c r="N14" s="599"/>
      <c r="O14" s="600"/>
    </row>
    <row r="15" spans="1:15" ht="18" customHeight="1" thickBot="1" x14ac:dyDescent="0.6">
      <c r="A15" s="603"/>
      <c r="B15" s="613"/>
      <c r="C15" s="614"/>
      <c r="D15" s="614"/>
      <c r="E15" s="614"/>
      <c r="F15" s="614"/>
      <c r="G15" s="614"/>
      <c r="H15" s="615"/>
      <c r="I15" s="592" t="s">
        <v>265</v>
      </c>
      <c r="J15" s="593"/>
      <c r="K15" s="593"/>
      <c r="L15" s="593"/>
      <c r="M15" s="593"/>
      <c r="N15" s="593"/>
      <c r="O15" s="594"/>
    </row>
    <row r="16" spans="1:15" ht="36" customHeight="1" x14ac:dyDescent="0.55000000000000004">
      <c r="A16" s="601" t="s">
        <v>266</v>
      </c>
      <c r="B16" s="604" t="s">
        <v>267</v>
      </c>
      <c r="C16" s="605"/>
      <c r="D16" s="605"/>
      <c r="E16" s="605"/>
      <c r="F16" s="605"/>
      <c r="G16" s="605"/>
      <c r="H16" s="606"/>
      <c r="I16" s="607" t="s">
        <v>229</v>
      </c>
      <c r="J16" s="608"/>
      <c r="K16" s="608"/>
      <c r="L16" s="608"/>
      <c r="M16" s="608"/>
      <c r="N16" s="608"/>
      <c r="O16" s="609"/>
    </row>
    <row r="17" spans="1:15" ht="18" customHeight="1" x14ac:dyDescent="0.55000000000000004">
      <c r="A17" s="602"/>
      <c r="B17" s="589" t="s">
        <v>268</v>
      </c>
      <c r="C17" s="590"/>
      <c r="D17" s="590"/>
      <c r="E17" s="590"/>
      <c r="F17" s="590"/>
      <c r="G17" s="590"/>
      <c r="H17" s="591"/>
      <c r="I17" s="571" t="s">
        <v>230</v>
      </c>
      <c r="J17" s="572"/>
      <c r="K17" s="572"/>
      <c r="L17" s="572"/>
      <c r="M17" s="572"/>
      <c r="N17" s="572"/>
      <c r="O17" s="573"/>
    </row>
    <row r="18" spans="1:15" ht="18" customHeight="1" x14ac:dyDescent="0.55000000000000004">
      <c r="A18" s="602"/>
      <c r="B18" s="589" t="s">
        <v>269</v>
      </c>
      <c r="C18" s="590"/>
      <c r="D18" s="590"/>
      <c r="E18" s="590"/>
      <c r="F18" s="590"/>
      <c r="G18" s="590"/>
      <c r="H18" s="591"/>
      <c r="I18" s="571" t="s">
        <v>270</v>
      </c>
      <c r="J18" s="572"/>
      <c r="K18" s="572"/>
      <c r="L18" s="572"/>
      <c r="M18" s="572"/>
      <c r="N18" s="572"/>
      <c r="O18" s="573"/>
    </row>
    <row r="19" spans="1:15" s="187" customFormat="1" ht="36" customHeight="1" x14ac:dyDescent="0.55000000000000004">
      <c r="A19" s="602"/>
      <c r="B19" s="595" t="s">
        <v>271</v>
      </c>
      <c r="C19" s="596"/>
      <c r="D19" s="596"/>
      <c r="E19" s="596"/>
      <c r="F19" s="596"/>
      <c r="G19" s="596"/>
      <c r="H19" s="597"/>
      <c r="I19" s="598" t="s">
        <v>232</v>
      </c>
      <c r="J19" s="599"/>
      <c r="K19" s="599"/>
      <c r="L19" s="599"/>
      <c r="M19" s="599"/>
      <c r="N19" s="599"/>
      <c r="O19" s="600"/>
    </row>
    <row r="20" spans="1:15" ht="18" customHeight="1" x14ac:dyDescent="0.55000000000000004">
      <c r="A20" s="602"/>
      <c r="B20" s="589" t="s">
        <v>272</v>
      </c>
      <c r="C20" s="590"/>
      <c r="D20" s="590"/>
      <c r="E20" s="590"/>
      <c r="F20" s="590"/>
      <c r="G20" s="590"/>
      <c r="H20" s="591"/>
      <c r="I20" s="571" t="s">
        <v>235</v>
      </c>
      <c r="J20" s="572"/>
      <c r="K20" s="572"/>
      <c r="L20" s="572"/>
      <c r="M20" s="572"/>
      <c r="N20" s="572"/>
      <c r="O20" s="573"/>
    </row>
    <row r="21" spans="1:15" ht="18" customHeight="1" x14ac:dyDescent="0.55000000000000004">
      <c r="A21" s="602"/>
      <c r="B21" s="589" t="s">
        <v>273</v>
      </c>
      <c r="C21" s="590"/>
      <c r="D21" s="590"/>
      <c r="E21" s="590"/>
      <c r="F21" s="590"/>
      <c r="G21" s="590"/>
      <c r="H21" s="591"/>
      <c r="I21" s="571" t="s">
        <v>239</v>
      </c>
      <c r="J21" s="572"/>
      <c r="K21" s="572"/>
      <c r="L21" s="572"/>
      <c r="M21" s="572"/>
      <c r="N21" s="572"/>
      <c r="O21" s="573"/>
    </row>
    <row r="22" spans="1:15" ht="36" customHeight="1" x14ac:dyDescent="0.55000000000000004">
      <c r="A22" s="602"/>
      <c r="B22" s="595" t="s">
        <v>274</v>
      </c>
      <c r="C22" s="596"/>
      <c r="D22" s="596"/>
      <c r="E22" s="596"/>
      <c r="F22" s="596"/>
      <c r="G22" s="596"/>
      <c r="H22" s="597"/>
      <c r="I22" s="598" t="s">
        <v>242</v>
      </c>
      <c r="J22" s="599"/>
      <c r="K22" s="599"/>
      <c r="L22" s="599"/>
      <c r="M22" s="599"/>
      <c r="N22" s="599"/>
      <c r="O22" s="600"/>
    </row>
    <row r="23" spans="1:15" ht="36" customHeight="1" x14ac:dyDescent="0.55000000000000004">
      <c r="A23" s="602"/>
      <c r="B23" s="610"/>
      <c r="C23" s="611"/>
      <c r="D23" s="611"/>
      <c r="E23" s="611"/>
      <c r="F23" s="611"/>
      <c r="G23" s="611"/>
      <c r="H23" s="612"/>
      <c r="I23" s="598" t="s">
        <v>244</v>
      </c>
      <c r="J23" s="599"/>
      <c r="K23" s="599"/>
      <c r="L23" s="599"/>
      <c r="M23" s="599"/>
      <c r="N23" s="599"/>
      <c r="O23" s="600"/>
    </row>
    <row r="24" spans="1:15" ht="36" customHeight="1" thickBot="1" x14ac:dyDescent="0.6">
      <c r="A24" s="603"/>
      <c r="B24" s="613"/>
      <c r="C24" s="614"/>
      <c r="D24" s="614"/>
      <c r="E24" s="614"/>
      <c r="F24" s="614"/>
      <c r="G24" s="614"/>
      <c r="H24" s="615"/>
      <c r="I24" s="616" t="s">
        <v>246</v>
      </c>
      <c r="J24" s="617"/>
      <c r="K24" s="617"/>
      <c r="L24" s="617"/>
      <c r="M24" s="617"/>
      <c r="N24" s="617"/>
      <c r="O24" s="618"/>
    </row>
    <row r="25" spans="1:15" s="188" customFormat="1" ht="18" customHeight="1" x14ac:dyDescent="0.55000000000000004">
      <c r="A25" s="580" t="s">
        <v>5</v>
      </c>
      <c r="B25" s="583" t="s">
        <v>275</v>
      </c>
      <c r="C25" s="584"/>
      <c r="D25" s="584"/>
      <c r="E25" s="584"/>
      <c r="F25" s="584"/>
      <c r="G25" s="584"/>
      <c r="H25" s="585"/>
      <c r="I25" s="586" t="s">
        <v>223</v>
      </c>
      <c r="J25" s="587"/>
      <c r="K25" s="587"/>
      <c r="L25" s="587"/>
      <c r="M25" s="587"/>
      <c r="N25" s="587"/>
      <c r="O25" s="588"/>
    </row>
    <row r="26" spans="1:15" s="188" customFormat="1" ht="18" customHeight="1" x14ac:dyDescent="0.55000000000000004">
      <c r="A26" s="581"/>
      <c r="B26" s="589" t="s">
        <v>276</v>
      </c>
      <c r="C26" s="590"/>
      <c r="D26" s="590"/>
      <c r="E26" s="590"/>
      <c r="F26" s="590"/>
      <c r="G26" s="590"/>
      <c r="H26" s="591"/>
      <c r="I26" s="571" t="s">
        <v>277</v>
      </c>
      <c r="J26" s="572"/>
      <c r="K26" s="572"/>
      <c r="L26" s="572"/>
      <c r="M26" s="572"/>
      <c r="N26" s="572"/>
      <c r="O26" s="573"/>
    </row>
    <row r="27" spans="1:15" s="188" customFormat="1" ht="18" customHeight="1" x14ac:dyDescent="0.55000000000000004">
      <c r="A27" s="581"/>
      <c r="B27" s="589" t="s">
        <v>278</v>
      </c>
      <c r="C27" s="590"/>
      <c r="D27" s="590"/>
      <c r="E27" s="590"/>
      <c r="F27" s="590"/>
      <c r="G27" s="590"/>
      <c r="H27" s="591"/>
      <c r="I27" s="571" t="s">
        <v>279</v>
      </c>
      <c r="J27" s="572"/>
      <c r="K27" s="572"/>
      <c r="L27" s="572"/>
      <c r="M27" s="572"/>
      <c r="N27" s="572"/>
      <c r="O27" s="573"/>
    </row>
    <row r="28" spans="1:15" s="188" customFormat="1" ht="18" customHeight="1" x14ac:dyDescent="0.55000000000000004">
      <c r="A28" s="581"/>
      <c r="B28" s="589" t="s">
        <v>280</v>
      </c>
      <c r="C28" s="590"/>
      <c r="D28" s="590"/>
      <c r="E28" s="590"/>
      <c r="F28" s="590"/>
      <c r="G28" s="590"/>
      <c r="H28" s="591"/>
      <c r="I28" s="571" t="s">
        <v>281</v>
      </c>
      <c r="J28" s="572"/>
      <c r="K28" s="572"/>
      <c r="L28" s="572"/>
      <c r="M28" s="572"/>
      <c r="N28" s="572"/>
      <c r="O28" s="573"/>
    </row>
    <row r="29" spans="1:15" s="188" customFormat="1" ht="18" customHeight="1" x14ac:dyDescent="0.55000000000000004">
      <c r="A29" s="581"/>
      <c r="B29" s="589" t="s">
        <v>282</v>
      </c>
      <c r="C29" s="590"/>
      <c r="D29" s="590"/>
      <c r="E29" s="590"/>
      <c r="F29" s="590"/>
      <c r="G29" s="590"/>
      <c r="H29" s="591"/>
      <c r="I29" s="571" t="s">
        <v>236</v>
      </c>
      <c r="J29" s="572"/>
      <c r="K29" s="572"/>
      <c r="L29" s="572"/>
      <c r="M29" s="572"/>
      <c r="N29" s="572"/>
      <c r="O29" s="573"/>
    </row>
    <row r="30" spans="1:15" s="188" customFormat="1" ht="18" customHeight="1" thickBot="1" x14ac:dyDescent="0.6">
      <c r="A30" s="582"/>
      <c r="B30" s="574" t="s">
        <v>109</v>
      </c>
      <c r="C30" s="575"/>
      <c r="D30" s="575"/>
      <c r="E30" s="575"/>
      <c r="F30" s="575"/>
      <c r="G30" s="575"/>
      <c r="H30" s="576"/>
      <c r="I30" s="577" t="s">
        <v>227</v>
      </c>
      <c r="J30" s="578"/>
      <c r="K30" s="578"/>
      <c r="L30" s="578"/>
      <c r="M30" s="578"/>
      <c r="N30" s="578"/>
      <c r="O30" s="579"/>
    </row>
    <row r="31" spans="1:15" ht="30" customHeight="1" x14ac:dyDescent="0.55000000000000004">
      <c r="B31" s="189"/>
      <c r="C31" s="189"/>
      <c r="D31" s="189"/>
      <c r="E31" s="189"/>
      <c r="F31" s="189"/>
      <c r="G31" s="189"/>
      <c r="H31" s="189"/>
      <c r="I31" s="189"/>
      <c r="J31" s="189"/>
    </row>
    <row r="32" spans="1:15" ht="30" customHeight="1" x14ac:dyDescent="0.55000000000000004"/>
  </sheetData>
  <mergeCells count="63">
    <mergeCell ref="A1:O1"/>
    <mergeCell ref="B2:H2"/>
    <mergeCell ref="I2:O2"/>
    <mergeCell ref="A3:A7"/>
    <mergeCell ref="B3:H3"/>
    <mergeCell ref="I3:O3"/>
    <mergeCell ref="B4:H4"/>
    <mergeCell ref="I4:O4"/>
    <mergeCell ref="B5:H5"/>
    <mergeCell ref="I5:O5"/>
    <mergeCell ref="B6:H6"/>
    <mergeCell ref="I6:O6"/>
    <mergeCell ref="B7:H7"/>
    <mergeCell ref="I7:O7"/>
    <mergeCell ref="A8:A15"/>
    <mergeCell ref="B8:H8"/>
    <mergeCell ref="I8:O8"/>
    <mergeCell ref="B9:H9"/>
    <mergeCell ref="I9:O9"/>
    <mergeCell ref="B10:H10"/>
    <mergeCell ref="B13:H13"/>
    <mergeCell ref="I13:O13"/>
    <mergeCell ref="I10:O10"/>
    <mergeCell ref="B11:H11"/>
    <mergeCell ref="I11:O11"/>
    <mergeCell ref="B12:H12"/>
    <mergeCell ref="I12:O12"/>
    <mergeCell ref="B14:H14"/>
    <mergeCell ref="I14:O14"/>
    <mergeCell ref="B15:H15"/>
    <mergeCell ref="A16:A24"/>
    <mergeCell ref="B16:H16"/>
    <mergeCell ref="I16:O16"/>
    <mergeCell ref="B17:H17"/>
    <mergeCell ref="I17:O17"/>
    <mergeCell ref="B18:H18"/>
    <mergeCell ref="B21:H21"/>
    <mergeCell ref="I21:O21"/>
    <mergeCell ref="B22:H22"/>
    <mergeCell ref="I22:O22"/>
    <mergeCell ref="B23:H23"/>
    <mergeCell ref="I23:O23"/>
    <mergeCell ref="B24:H24"/>
    <mergeCell ref="I24:O24"/>
    <mergeCell ref="I15:O15"/>
    <mergeCell ref="I18:O18"/>
    <mergeCell ref="B19:H19"/>
    <mergeCell ref="I19:O19"/>
    <mergeCell ref="B20:H20"/>
    <mergeCell ref="I20:O20"/>
    <mergeCell ref="I29:O29"/>
    <mergeCell ref="B30:H30"/>
    <mergeCell ref="I30:O30"/>
    <mergeCell ref="A25:A30"/>
    <mergeCell ref="B25:H25"/>
    <mergeCell ref="I25:O25"/>
    <mergeCell ref="B26:H26"/>
    <mergeCell ref="I26:O26"/>
    <mergeCell ref="B27:H27"/>
    <mergeCell ref="I27:O27"/>
    <mergeCell ref="B28:H28"/>
    <mergeCell ref="I28:O28"/>
    <mergeCell ref="B29:H29"/>
  </mergeCells>
  <phoneticPr fontId="1"/>
  <printOptions horizontalCentered="1" verticalCentered="1"/>
  <pageMargins left="0.70866141732283472" right="0.70866141732283472" top="0.74803149606299213" bottom="0.74803149606299213" header="0.31496062992125984" footer="0.31496062992125984"/>
  <pageSetup paperSize="9" scale="60" orientation="landscape"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249977111117893"/>
    <pageSetUpPr fitToPage="1"/>
  </sheetPr>
  <dimension ref="A1:O32"/>
  <sheetViews>
    <sheetView workbookViewId="0">
      <selection activeCell="I9" sqref="I9:O9"/>
    </sheetView>
  </sheetViews>
  <sheetFormatPr defaultRowHeight="18" x14ac:dyDescent="0.55000000000000004"/>
  <cols>
    <col min="1" max="1" width="16.58203125" customWidth="1"/>
    <col min="2" max="15" width="12.58203125" customWidth="1"/>
  </cols>
  <sheetData>
    <row r="1" spans="1:15" ht="40.5" customHeight="1" thickBot="1" x14ac:dyDescent="0.6">
      <c r="A1" s="626" t="s">
        <v>283</v>
      </c>
      <c r="B1" s="626"/>
      <c r="C1" s="626"/>
      <c r="D1" s="626"/>
      <c r="E1" s="626"/>
      <c r="F1" s="626"/>
      <c r="G1" s="626"/>
      <c r="H1" s="626"/>
      <c r="I1" s="626"/>
      <c r="J1" s="626"/>
      <c r="K1" s="626"/>
      <c r="L1" s="626"/>
      <c r="M1" s="626"/>
      <c r="N1" s="626"/>
      <c r="O1" s="626"/>
    </row>
    <row r="2" spans="1:15" ht="21.5" customHeight="1" thickBot="1" x14ac:dyDescent="0.6">
      <c r="A2" s="186" t="s">
        <v>249</v>
      </c>
      <c r="B2" s="627" t="s">
        <v>250</v>
      </c>
      <c r="C2" s="628"/>
      <c r="D2" s="628"/>
      <c r="E2" s="628"/>
      <c r="F2" s="628"/>
      <c r="G2" s="628"/>
      <c r="H2" s="628"/>
      <c r="I2" s="629" t="s">
        <v>251</v>
      </c>
      <c r="J2" s="629"/>
      <c r="K2" s="629"/>
      <c r="L2" s="629"/>
      <c r="M2" s="629"/>
      <c r="N2" s="629"/>
      <c r="O2" s="630"/>
    </row>
    <row r="3" spans="1:15" ht="36" customHeight="1" thickTop="1" x14ac:dyDescent="0.55000000000000004">
      <c r="A3" s="601" t="s">
        <v>252</v>
      </c>
      <c r="B3" s="604" t="s">
        <v>253</v>
      </c>
      <c r="C3" s="605"/>
      <c r="D3" s="605"/>
      <c r="E3" s="605"/>
      <c r="F3" s="605"/>
      <c r="G3" s="605"/>
      <c r="H3" s="606"/>
      <c r="I3" s="632" t="s">
        <v>209</v>
      </c>
      <c r="J3" s="633"/>
      <c r="K3" s="633"/>
      <c r="L3" s="633"/>
      <c r="M3" s="633"/>
      <c r="N3" s="633"/>
      <c r="O3" s="634"/>
    </row>
    <row r="4" spans="1:15" ht="36" customHeight="1" x14ac:dyDescent="0.55000000000000004">
      <c r="A4" s="631"/>
      <c r="B4" s="619" t="s">
        <v>254</v>
      </c>
      <c r="C4" s="620"/>
      <c r="D4" s="620"/>
      <c r="E4" s="620"/>
      <c r="F4" s="620"/>
      <c r="G4" s="620"/>
      <c r="H4" s="621"/>
      <c r="I4" s="635" t="s">
        <v>210</v>
      </c>
      <c r="J4" s="636"/>
      <c r="K4" s="636"/>
      <c r="L4" s="636"/>
      <c r="M4" s="636"/>
      <c r="N4" s="636"/>
      <c r="O4" s="637"/>
    </row>
    <row r="5" spans="1:15" ht="36" customHeight="1" x14ac:dyDescent="0.55000000000000004">
      <c r="A5" s="631"/>
      <c r="B5" s="619" t="s">
        <v>255</v>
      </c>
      <c r="C5" s="620"/>
      <c r="D5" s="620"/>
      <c r="E5" s="620"/>
      <c r="F5" s="620"/>
      <c r="G5" s="620"/>
      <c r="H5" s="621"/>
      <c r="I5" s="622" t="s">
        <v>211</v>
      </c>
      <c r="J5" s="623"/>
      <c r="K5" s="623"/>
      <c r="L5" s="623"/>
      <c r="M5" s="623"/>
      <c r="N5" s="623"/>
      <c r="O5" s="624"/>
    </row>
    <row r="6" spans="1:15" ht="36" customHeight="1" x14ac:dyDescent="0.55000000000000004">
      <c r="A6" s="631"/>
      <c r="B6" s="619" t="s">
        <v>256</v>
      </c>
      <c r="C6" s="620"/>
      <c r="D6" s="620"/>
      <c r="E6" s="620"/>
      <c r="F6" s="620"/>
      <c r="G6" s="620"/>
      <c r="H6" s="621"/>
      <c r="I6" s="622" t="s">
        <v>212</v>
      </c>
      <c r="J6" s="623"/>
      <c r="K6" s="623"/>
      <c r="L6" s="623"/>
      <c r="M6" s="623"/>
      <c r="N6" s="623"/>
      <c r="O6" s="624"/>
    </row>
    <row r="7" spans="1:15" ht="36" customHeight="1" x14ac:dyDescent="0.55000000000000004">
      <c r="A7" s="631"/>
      <c r="B7" s="619" t="s">
        <v>257</v>
      </c>
      <c r="C7" s="620"/>
      <c r="D7" s="620"/>
      <c r="E7" s="620"/>
      <c r="F7" s="620"/>
      <c r="G7" s="620"/>
      <c r="H7" s="621"/>
      <c r="I7" s="638"/>
      <c r="J7" s="639"/>
      <c r="K7" s="639"/>
      <c r="L7" s="639"/>
      <c r="M7" s="639"/>
      <c r="N7" s="639"/>
      <c r="O7" s="640"/>
    </row>
    <row r="8" spans="1:15" ht="18" customHeight="1" x14ac:dyDescent="0.55000000000000004">
      <c r="A8" s="602" t="s">
        <v>258</v>
      </c>
      <c r="B8" s="647" t="s">
        <v>284</v>
      </c>
      <c r="C8" s="648"/>
      <c r="D8" s="648"/>
      <c r="E8" s="648"/>
      <c r="F8" s="648"/>
      <c r="G8" s="648"/>
      <c r="H8" s="649"/>
      <c r="I8" s="647" t="s">
        <v>228</v>
      </c>
      <c r="J8" s="648"/>
      <c r="K8" s="648"/>
      <c r="L8" s="648"/>
      <c r="M8" s="648"/>
      <c r="N8" s="648"/>
      <c r="O8" s="649"/>
    </row>
    <row r="9" spans="1:15" ht="36" customHeight="1" x14ac:dyDescent="0.55000000000000004">
      <c r="A9" s="602"/>
      <c r="B9" s="641" t="s">
        <v>285</v>
      </c>
      <c r="C9" s="642"/>
      <c r="D9" s="642"/>
      <c r="E9" s="642"/>
      <c r="F9" s="642"/>
      <c r="G9" s="642"/>
      <c r="H9" s="643"/>
      <c r="I9" s="641" t="s">
        <v>286</v>
      </c>
      <c r="J9" s="642"/>
      <c r="K9" s="642"/>
      <c r="L9" s="642"/>
      <c r="M9" s="642"/>
      <c r="N9" s="642"/>
      <c r="O9" s="643"/>
    </row>
    <row r="10" spans="1:15" ht="36" customHeight="1" x14ac:dyDescent="0.55000000000000004">
      <c r="A10" s="602"/>
      <c r="B10" s="641" t="s">
        <v>287</v>
      </c>
      <c r="C10" s="642"/>
      <c r="D10" s="642"/>
      <c r="E10" s="642"/>
      <c r="F10" s="642"/>
      <c r="G10" s="642"/>
      <c r="H10" s="643"/>
      <c r="I10" s="641" t="s">
        <v>288</v>
      </c>
      <c r="J10" s="642"/>
      <c r="K10" s="642"/>
      <c r="L10" s="642"/>
      <c r="M10" s="642"/>
      <c r="N10" s="642"/>
      <c r="O10" s="643"/>
    </row>
    <row r="11" spans="1:15" ht="36" customHeight="1" x14ac:dyDescent="0.55000000000000004">
      <c r="A11" s="602"/>
      <c r="B11" s="641" t="s">
        <v>289</v>
      </c>
      <c r="C11" s="642"/>
      <c r="D11" s="642"/>
      <c r="E11" s="642"/>
      <c r="F11" s="642"/>
      <c r="G11" s="642"/>
      <c r="H11" s="643"/>
      <c r="I11" s="641" t="s">
        <v>231</v>
      </c>
      <c r="J11" s="642"/>
      <c r="K11" s="642"/>
      <c r="L11" s="642"/>
      <c r="M11" s="642"/>
      <c r="N11" s="642"/>
      <c r="O11" s="643"/>
    </row>
    <row r="12" spans="1:15" ht="36" customHeight="1" x14ac:dyDescent="0.55000000000000004">
      <c r="A12" s="602"/>
      <c r="B12" s="641" t="s">
        <v>290</v>
      </c>
      <c r="C12" s="642"/>
      <c r="D12" s="642"/>
      <c r="E12" s="642"/>
      <c r="F12" s="642"/>
      <c r="G12" s="642"/>
      <c r="H12" s="643"/>
      <c r="I12" s="641" t="s">
        <v>233</v>
      </c>
      <c r="J12" s="642"/>
      <c r="K12" s="642"/>
      <c r="L12" s="642"/>
      <c r="M12" s="642"/>
      <c r="N12" s="642"/>
      <c r="O12" s="643"/>
    </row>
    <row r="13" spans="1:15" ht="36" customHeight="1" x14ac:dyDescent="0.55000000000000004">
      <c r="A13" s="602"/>
      <c r="B13" s="641" t="s">
        <v>291</v>
      </c>
      <c r="C13" s="642"/>
      <c r="D13" s="642"/>
      <c r="E13" s="642"/>
      <c r="F13" s="642"/>
      <c r="G13" s="642"/>
      <c r="H13" s="643"/>
      <c r="I13" s="641" t="s">
        <v>237</v>
      </c>
      <c r="J13" s="642"/>
      <c r="K13" s="642"/>
      <c r="L13" s="642"/>
      <c r="M13" s="642"/>
      <c r="N13" s="642"/>
      <c r="O13" s="643"/>
    </row>
    <row r="14" spans="1:15" ht="18" customHeight="1" x14ac:dyDescent="0.55000000000000004">
      <c r="A14" s="602"/>
      <c r="B14" s="641" t="s">
        <v>292</v>
      </c>
      <c r="C14" s="642"/>
      <c r="D14" s="642"/>
      <c r="E14" s="642"/>
      <c r="F14" s="642"/>
      <c r="G14" s="642"/>
      <c r="H14" s="643"/>
      <c r="I14" s="641" t="s">
        <v>240</v>
      </c>
      <c r="J14" s="642"/>
      <c r="K14" s="642"/>
      <c r="L14" s="642"/>
      <c r="M14" s="642"/>
      <c r="N14" s="642"/>
      <c r="O14" s="643"/>
    </row>
    <row r="15" spans="1:15" ht="18" customHeight="1" thickBot="1" x14ac:dyDescent="0.6">
      <c r="A15" s="603"/>
      <c r="B15" s="644" t="s">
        <v>293</v>
      </c>
      <c r="C15" s="645"/>
      <c r="D15" s="645"/>
      <c r="E15" s="645"/>
      <c r="F15" s="645"/>
      <c r="G15" s="645"/>
      <c r="H15" s="646"/>
      <c r="I15" s="190" t="s">
        <v>294</v>
      </c>
      <c r="J15" s="191"/>
      <c r="K15" s="191"/>
      <c r="L15" s="191"/>
      <c r="M15" s="191"/>
      <c r="N15" s="191"/>
      <c r="O15" s="192"/>
    </row>
    <row r="16" spans="1:15" ht="36" customHeight="1" x14ac:dyDescent="0.55000000000000004">
      <c r="A16" s="601" t="s">
        <v>266</v>
      </c>
      <c r="B16" s="604" t="s">
        <v>267</v>
      </c>
      <c r="C16" s="605"/>
      <c r="D16" s="605"/>
      <c r="E16" s="605"/>
      <c r="F16" s="605"/>
      <c r="G16" s="605"/>
      <c r="H16" s="606"/>
      <c r="I16" s="607" t="s">
        <v>229</v>
      </c>
      <c r="J16" s="608"/>
      <c r="K16" s="608"/>
      <c r="L16" s="608"/>
      <c r="M16" s="608"/>
      <c r="N16" s="608"/>
      <c r="O16" s="609"/>
    </row>
    <row r="17" spans="1:15" ht="18" customHeight="1" x14ac:dyDescent="0.55000000000000004">
      <c r="A17" s="602"/>
      <c r="B17" s="589" t="s">
        <v>268</v>
      </c>
      <c r="C17" s="590"/>
      <c r="D17" s="590"/>
      <c r="E17" s="590"/>
      <c r="F17" s="590"/>
      <c r="G17" s="590"/>
      <c r="H17" s="591"/>
      <c r="I17" s="571" t="s">
        <v>230</v>
      </c>
      <c r="J17" s="572"/>
      <c r="K17" s="572"/>
      <c r="L17" s="572"/>
      <c r="M17" s="572"/>
      <c r="N17" s="572"/>
      <c r="O17" s="573"/>
    </row>
    <row r="18" spans="1:15" ht="18" customHeight="1" x14ac:dyDescent="0.55000000000000004">
      <c r="A18" s="602"/>
      <c r="B18" s="589" t="s">
        <v>269</v>
      </c>
      <c r="C18" s="590"/>
      <c r="D18" s="590"/>
      <c r="E18" s="590"/>
      <c r="F18" s="590"/>
      <c r="G18" s="590"/>
      <c r="H18" s="591"/>
      <c r="I18" s="571" t="s">
        <v>270</v>
      </c>
      <c r="J18" s="572"/>
      <c r="K18" s="572"/>
      <c r="L18" s="572"/>
      <c r="M18" s="572"/>
      <c r="N18" s="572"/>
      <c r="O18" s="573"/>
    </row>
    <row r="19" spans="1:15" s="187" customFormat="1" ht="36" customHeight="1" x14ac:dyDescent="0.55000000000000004">
      <c r="A19" s="602"/>
      <c r="B19" s="595" t="s">
        <v>271</v>
      </c>
      <c r="C19" s="596"/>
      <c r="D19" s="596"/>
      <c r="E19" s="596"/>
      <c r="F19" s="596"/>
      <c r="G19" s="596"/>
      <c r="H19" s="597"/>
      <c r="I19" s="598" t="s">
        <v>232</v>
      </c>
      <c r="J19" s="599"/>
      <c r="K19" s="599"/>
      <c r="L19" s="599"/>
      <c r="M19" s="599"/>
      <c r="N19" s="599"/>
      <c r="O19" s="600"/>
    </row>
    <row r="20" spans="1:15" ht="18" customHeight="1" x14ac:dyDescent="0.55000000000000004">
      <c r="A20" s="602"/>
      <c r="B20" s="589" t="s">
        <v>272</v>
      </c>
      <c r="C20" s="590"/>
      <c r="D20" s="590"/>
      <c r="E20" s="590"/>
      <c r="F20" s="590"/>
      <c r="G20" s="590"/>
      <c r="H20" s="591"/>
      <c r="I20" s="571" t="s">
        <v>235</v>
      </c>
      <c r="J20" s="572"/>
      <c r="K20" s="572"/>
      <c r="L20" s="572"/>
      <c r="M20" s="572"/>
      <c r="N20" s="572"/>
      <c r="O20" s="573"/>
    </row>
    <row r="21" spans="1:15" ht="18" customHeight="1" x14ac:dyDescent="0.55000000000000004">
      <c r="A21" s="602"/>
      <c r="B21" s="589" t="s">
        <v>273</v>
      </c>
      <c r="C21" s="590"/>
      <c r="D21" s="590"/>
      <c r="E21" s="590"/>
      <c r="F21" s="590"/>
      <c r="G21" s="590"/>
      <c r="H21" s="591"/>
      <c r="I21" s="571" t="s">
        <v>239</v>
      </c>
      <c r="J21" s="572"/>
      <c r="K21" s="572"/>
      <c r="L21" s="572"/>
      <c r="M21" s="572"/>
      <c r="N21" s="572"/>
      <c r="O21" s="573"/>
    </row>
    <row r="22" spans="1:15" ht="36" customHeight="1" x14ac:dyDescent="0.55000000000000004">
      <c r="A22" s="602"/>
      <c r="B22" s="595" t="s">
        <v>274</v>
      </c>
      <c r="C22" s="596"/>
      <c r="D22" s="596"/>
      <c r="E22" s="596"/>
      <c r="F22" s="596"/>
      <c r="G22" s="596"/>
      <c r="H22" s="597"/>
      <c r="I22" s="598" t="s">
        <v>242</v>
      </c>
      <c r="J22" s="599"/>
      <c r="K22" s="599"/>
      <c r="L22" s="599"/>
      <c r="M22" s="599"/>
      <c r="N22" s="599"/>
      <c r="O22" s="600"/>
    </row>
    <row r="23" spans="1:15" ht="36" customHeight="1" x14ac:dyDescent="0.55000000000000004">
      <c r="A23" s="602"/>
      <c r="B23" s="610"/>
      <c r="C23" s="611"/>
      <c r="D23" s="611"/>
      <c r="E23" s="611"/>
      <c r="F23" s="611"/>
      <c r="G23" s="611"/>
      <c r="H23" s="612"/>
      <c r="I23" s="598" t="s">
        <v>244</v>
      </c>
      <c r="J23" s="599"/>
      <c r="K23" s="599"/>
      <c r="L23" s="599"/>
      <c r="M23" s="599"/>
      <c r="N23" s="599"/>
      <c r="O23" s="600"/>
    </row>
    <row r="24" spans="1:15" ht="36" customHeight="1" thickBot="1" x14ac:dyDescent="0.6">
      <c r="A24" s="603"/>
      <c r="B24" s="613"/>
      <c r="C24" s="614"/>
      <c r="D24" s="614"/>
      <c r="E24" s="614"/>
      <c r="F24" s="614"/>
      <c r="G24" s="614"/>
      <c r="H24" s="615"/>
      <c r="I24" s="616" t="s">
        <v>246</v>
      </c>
      <c r="J24" s="617"/>
      <c r="K24" s="617"/>
      <c r="L24" s="617"/>
      <c r="M24" s="617"/>
      <c r="N24" s="617"/>
      <c r="O24" s="618"/>
    </row>
    <row r="25" spans="1:15" s="188" customFormat="1" ht="18" customHeight="1" x14ac:dyDescent="0.55000000000000004">
      <c r="A25" s="580" t="s">
        <v>5</v>
      </c>
      <c r="B25" s="583" t="s">
        <v>275</v>
      </c>
      <c r="C25" s="584"/>
      <c r="D25" s="584"/>
      <c r="E25" s="584"/>
      <c r="F25" s="584"/>
      <c r="G25" s="584"/>
      <c r="H25" s="585"/>
      <c r="I25" s="586" t="s">
        <v>223</v>
      </c>
      <c r="J25" s="587"/>
      <c r="K25" s="587"/>
      <c r="L25" s="587"/>
      <c r="M25" s="587"/>
      <c r="N25" s="587"/>
      <c r="O25" s="588"/>
    </row>
    <row r="26" spans="1:15" s="188" customFormat="1" ht="18" customHeight="1" x14ac:dyDescent="0.55000000000000004">
      <c r="A26" s="581"/>
      <c r="B26" s="589" t="s">
        <v>276</v>
      </c>
      <c r="C26" s="590"/>
      <c r="D26" s="590"/>
      <c r="E26" s="590"/>
      <c r="F26" s="590"/>
      <c r="G26" s="590"/>
      <c r="H26" s="591"/>
      <c r="I26" s="571" t="s">
        <v>277</v>
      </c>
      <c r="J26" s="572"/>
      <c r="K26" s="572"/>
      <c r="L26" s="572"/>
      <c r="M26" s="572"/>
      <c r="N26" s="572"/>
      <c r="O26" s="573"/>
    </row>
    <row r="27" spans="1:15" s="188" customFormat="1" ht="18" customHeight="1" x14ac:dyDescent="0.55000000000000004">
      <c r="A27" s="581"/>
      <c r="B27" s="589" t="s">
        <v>278</v>
      </c>
      <c r="C27" s="590"/>
      <c r="D27" s="590"/>
      <c r="E27" s="590"/>
      <c r="F27" s="590"/>
      <c r="G27" s="590"/>
      <c r="H27" s="591"/>
      <c r="I27" s="571" t="s">
        <v>279</v>
      </c>
      <c r="J27" s="572"/>
      <c r="K27" s="572"/>
      <c r="L27" s="572"/>
      <c r="M27" s="572"/>
      <c r="N27" s="572"/>
      <c r="O27" s="573"/>
    </row>
    <row r="28" spans="1:15" s="188" customFormat="1" ht="18" customHeight="1" x14ac:dyDescent="0.55000000000000004">
      <c r="A28" s="581"/>
      <c r="B28" s="589" t="s">
        <v>280</v>
      </c>
      <c r="C28" s="590"/>
      <c r="D28" s="590"/>
      <c r="E28" s="590"/>
      <c r="F28" s="590"/>
      <c r="G28" s="590"/>
      <c r="H28" s="591"/>
      <c r="I28" s="571" t="s">
        <v>281</v>
      </c>
      <c r="J28" s="572"/>
      <c r="K28" s="572"/>
      <c r="L28" s="572"/>
      <c r="M28" s="572"/>
      <c r="N28" s="572"/>
      <c r="O28" s="573"/>
    </row>
    <row r="29" spans="1:15" s="188" customFormat="1" ht="18" customHeight="1" x14ac:dyDescent="0.55000000000000004">
      <c r="A29" s="581"/>
      <c r="B29" s="589" t="s">
        <v>282</v>
      </c>
      <c r="C29" s="590"/>
      <c r="D29" s="590"/>
      <c r="E29" s="590"/>
      <c r="F29" s="590"/>
      <c r="G29" s="590"/>
      <c r="H29" s="591"/>
      <c r="I29" s="571" t="s">
        <v>236</v>
      </c>
      <c r="J29" s="572"/>
      <c r="K29" s="572"/>
      <c r="L29" s="572"/>
      <c r="M29" s="572"/>
      <c r="N29" s="572"/>
      <c r="O29" s="573"/>
    </row>
    <row r="30" spans="1:15" s="188" customFormat="1" ht="18" customHeight="1" thickBot="1" x14ac:dyDescent="0.6">
      <c r="A30" s="582"/>
      <c r="B30" s="574" t="s">
        <v>109</v>
      </c>
      <c r="C30" s="575"/>
      <c r="D30" s="575"/>
      <c r="E30" s="575"/>
      <c r="F30" s="575"/>
      <c r="G30" s="575"/>
      <c r="H30" s="576"/>
      <c r="I30" s="577" t="s">
        <v>227</v>
      </c>
      <c r="J30" s="578"/>
      <c r="K30" s="578"/>
      <c r="L30" s="578"/>
      <c r="M30" s="578"/>
      <c r="N30" s="578"/>
      <c r="O30" s="579"/>
    </row>
    <row r="31" spans="1:15" ht="30" customHeight="1" x14ac:dyDescent="0.55000000000000004">
      <c r="B31" s="189"/>
      <c r="C31" s="189"/>
      <c r="D31" s="189"/>
      <c r="E31" s="189"/>
      <c r="F31" s="189"/>
      <c r="G31" s="189"/>
      <c r="H31" s="189"/>
      <c r="I31" s="189"/>
      <c r="J31" s="189"/>
    </row>
    <row r="32" spans="1:15" ht="30" customHeight="1" x14ac:dyDescent="0.55000000000000004"/>
  </sheetData>
  <mergeCells count="62">
    <mergeCell ref="A1:O1"/>
    <mergeCell ref="B2:H2"/>
    <mergeCell ref="I2:O2"/>
    <mergeCell ref="A3:A7"/>
    <mergeCell ref="B3:H3"/>
    <mergeCell ref="I3:O3"/>
    <mergeCell ref="B4:H4"/>
    <mergeCell ref="I4:O4"/>
    <mergeCell ref="B5:H5"/>
    <mergeCell ref="I5:O5"/>
    <mergeCell ref="B13:H13"/>
    <mergeCell ref="I13:O13"/>
    <mergeCell ref="B6:H6"/>
    <mergeCell ref="I6:O6"/>
    <mergeCell ref="B7:H7"/>
    <mergeCell ref="I7:O7"/>
    <mergeCell ref="B8:H8"/>
    <mergeCell ref="I8:O8"/>
    <mergeCell ref="B9:H9"/>
    <mergeCell ref="I9:O9"/>
    <mergeCell ref="B10:H10"/>
    <mergeCell ref="I10:O10"/>
    <mergeCell ref="B11:H11"/>
    <mergeCell ref="I11:O11"/>
    <mergeCell ref="B12:H12"/>
    <mergeCell ref="I12:O12"/>
    <mergeCell ref="B14:H14"/>
    <mergeCell ref="I14:O14"/>
    <mergeCell ref="B15:H15"/>
    <mergeCell ref="A16:A24"/>
    <mergeCell ref="B16:H16"/>
    <mergeCell ref="I16:O16"/>
    <mergeCell ref="B17:H17"/>
    <mergeCell ref="I17:O17"/>
    <mergeCell ref="B18:H18"/>
    <mergeCell ref="I18:O18"/>
    <mergeCell ref="A8:A15"/>
    <mergeCell ref="B19:H19"/>
    <mergeCell ref="I19:O19"/>
    <mergeCell ref="B20:H20"/>
    <mergeCell ref="I20:O20"/>
    <mergeCell ref="B21:H21"/>
    <mergeCell ref="I21:O21"/>
    <mergeCell ref="B22:H22"/>
    <mergeCell ref="I22:O22"/>
    <mergeCell ref="B23:H23"/>
    <mergeCell ref="I23:O23"/>
    <mergeCell ref="B24:H24"/>
    <mergeCell ref="I24:O24"/>
    <mergeCell ref="I29:O29"/>
    <mergeCell ref="B30:H30"/>
    <mergeCell ref="I30:O30"/>
    <mergeCell ref="A25:A30"/>
    <mergeCell ref="B25:H25"/>
    <mergeCell ref="I25:O25"/>
    <mergeCell ref="B26:H26"/>
    <mergeCell ref="I26:O26"/>
    <mergeCell ref="B27:H27"/>
    <mergeCell ref="I27:O27"/>
    <mergeCell ref="B28:H28"/>
    <mergeCell ref="I28:O28"/>
    <mergeCell ref="B29:H29"/>
  </mergeCells>
  <phoneticPr fontId="1"/>
  <printOptions horizontalCentered="1" verticalCentered="1"/>
  <pageMargins left="0.70866141732283472" right="0.70866141732283472" top="0.74803149606299213" bottom="0.74803149606299213" header="0.31496062992125984" footer="0.31496062992125984"/>
  <pageSetup paperSize="9" scale="57" orientation="landscape" r:id="rId1"/>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theme="0" tint="-0.249977111117893"/>
    <pageSetUpPr fitToPage="1"/>
  </sheetPr>
  <dimension ref="A1:O34"/>
  <sheetViews>
    <sheetView workbookViewId="0">
      <selection activeCell="I9" sqref="I9:O9"/>
    </sheetView>
  </sheetViews>
  <sheetFormatPr defaultRowHeight="18" x14ac:dyDescent="0.55000000000000004"/>
  <cols>
    <col min="1" max="1" width="16.58203125" customWidth="1"/>
    <col min="2" max="15" width="12.58203125" customWidth="1"/>
  </cols>
  <sheetData>
    <row r="1" spans="1:15" ht="40.5" customHeight="1" thickBot="1" x14ac:dyDescent="0.6">
      <c r="A1" s="626" t="s">
        <v>295</v>
      </c>
      <c r="B1" s="626"/>
      <c r="C1" s="626"/>
      <c r="D1" s="626"/>
      <c r="E1" s="626"/>
      <c r="F1" s="626"/>
      <c r="G1" s="626"/>
      <c r="H1" s="626"/>
      <c r="I1" s="626"/>
      <c r="J1" s="626"/>
      <c r="K1" s="626"/>
      <c r="L1" s="626"/>
      <c r="M1" s="626"/>
      <c r="N1" s="626"/>
      <c r="O1" s="626"/>
    </row>
    <row r="2" spans="1:15" ht="21.5" customHeight="1" thickBot="1" x14ac:dyDescent="0.6">
      <c r="A2" s="186" t="s">
        <v>249</v>
      </c>
      <c r="B2" s="627" t="s">
        <v>250</v>
      </c>
      <c r="C2" s="628"/>
      <c r="D2" s="628"/>
      <c r="E2" s="628"/>
      <c r="F2" s="628"/>
      <c r="G2" s="628"/>
      <c r="H2" s="628"/>
      <c r="I2" s="629" t="s">
        <v>251</v>
      </c>
      <c r="J2" s="629"/>
      <c r="K2" s="629"/>
      <c r="L2" s="629"/>
      <c r="M2" s="629"/>
      <c r="N2" s="629"/>
      <c r="O2" s="630"/>
    </row>
    <row r="3" spans="1:15" ht="36" customHeight="1" thickTop="1" x14ac:dyDescent="0.55000000000000004">
      <c r="A3" s="601" t="s">
        <v>252</v>
      </c>
      <c r="B3" s="604" t="s">
        <v>253</v>
      </c>
      <c r="C3" s="605"/>
      <c r="D3" s="605"/>
      <c r="E3" s="605"/>
      <c r="F3" s="605"/>
      <c r="G3" s="605"/>
      <c r="H3" s="606"/>
      <c r="I3" s="632" t="s">
        <v>209</v>
      </c>
      <c r="J3" s="633"/>
      <c r="K3" s="633"/>
      <c r="L3" s="633"/>
      <c r="M3" s="633"/>
      <c r="N3" s="633"/>
      <c r="O3" s="634"/>
    </row>
    <row r="4" spans="1:15" ht="36" customHeight="1" x14ac:dyDescent="0.55000000000000004">
      <c r="A4" s="631"/>
      <c r="B4" s="619" t="s">
        <v>254</v>
      </c>
      <c r="C4" s="620"/>
      <c r="D4" s="620"/>
      <c r="E4" s="620"/>
      <c r="F4" s="620"/>
      <c r="G4" s="620"/>
      <c r="H4" s="621"/>
      <c r="I4" s="635" t="s">
        <v>210</v>
      </c>
      <c r="J4" s="636"/>
      <c r="K4" s="636"/>
      <c r="L4" s="636"/>
      <c r="M4" s="636"/>
      <c r="N4" s="636"/>
      <c r="O4" s="637"/>
    </row>
    <row r="5" spans="1:15" ht="36" customHeight="1" x14ac:dyDescent="0.55000000000000004">
      <c r="A5" s="631"/>
      <c r="B5" s="619" t="s">
        <v>255</v>
      </c>
      <c r="C5" s="620"/>
      <c r="D5" s="620"/>
      <c r="E5" s="620"/>
      <c r="F5" s="620"/>
      <c r="G5" s="620"/>
      <c r="H5" s="621"/>
      <c r="I5" s="622" t="s">
        <v>211</v>
      </c>
      <c r="J5" s="623"/>
      <c r="K5" s="623"/>
      <c r="L5" s="623"/>
      <c r="M5" s="623"/>
      <c r="N5" s="623"/>
      <c r="O5" s="624"/>
    </row>
    <row r="6" spans="1:15" ht="36" customHeight="1" x14ac:dyDescent="0.55000000000000004">
      <c r="A6" s="631"/>
      <c r="B6" s="619" t="s">
        <v>256</v>
      </c>
      <c r="C6" s="620"/>
      <c r="D6" s="620"/>
      <c r="E6" s="620"/>
      <c r="F6" s="620"/>
      <c r="G6" s="620"/>
      <c r="H6" s="621"/>
      <c r="I6" s="622" t="s">
        <v>212</v>
      </c>
      <c r="J6" s="623"/>
      <c r="K6" s="623"/>
      <c r="L6" s="623"/>
      <c r="M6" s="623"/>
      <c r="N6" s="623"/>
      <c r="O6" s="624"/>
    </row>
    <row r="7" spans="1:15" ht="36" customHeight="1" x14ac:dyDescent="0.55000000000000004">
      <c r="A7" s="631"/>
      <c r="B7" s="619" t="s">
        <v>257</v>
      </c>
      <c r="C7" s="620"/>
      <c r="D7" s="620"/>
      <c r="E7" s="620"/>
      <c r="F7" s="620"/>
      <c r="G7" s="620"/>
      <c r="H7" s="621"/>
      <c r="I7" s="638"/>
      <c r="J7" s="639"/>
      <c r="K7" s="639"/>
      <c r="L7" s="639"/>
      <c r="M7" s="639"/>
      <c r="N7" s="639"/>
      <c r="O7" s="640"/>
    </row>
    <row r="8" spans="1:15" ht="18" customHeight="1" x14ac:dyDescent="0.55000000000000004">
      <c r="A8" s="656" t="s">
        <v>258</v>
      </c>
      <c r="B8" s="665" t="s">
        <v>296</v>
      </c>
      <c r="C8" s="666"/>
      <c r="D8" s="666"/>
      <c r="E8" s="666"/>
      <c r="F8" s="666"/>
      <c r="G8" s="666"/>
      <c r="H8" s="667"/>
      <c r="I8" s="665" t="s">
        <v>218</v>
      </c>
      <c r="J8" s="666"/>
      <c r="K8" s="666"/>
      <c r="L8" s="666"/>
      <c r="M8" s="666"/>
      <c r="N8" s="666"/>
      <c r="O8" s="667"/>
    </row>
    <row r="9" spans="1:15" ht="18" customHeight="1" x14ac:dyDescent="0.55000000000000004">
      <c r="A9" s="657"/>
      <c r="B9" s="659" t="s">
        <v>297</v>
      </c>
      <c r="C9" s="660"/>
      <c r="D9" s="660"/>
      <c r="E9" s="660"/>
      <c r="F9" s="660"/>
      <c r="G9" s="660"/>
      <c r="H9" s="661"/>
      <c r="I9" s="659" t="s">
        <v>298</v>
      </c>
      <c r="J9" s="660"/>
      <c r="K9" s="660"/>
      <c r="L9" s="660"/>
      <c r="M9" s="660"/>
      <c r="N9" s="660"/>
      <c r="O9" s="661"/>
    </row>
    <row r="10" spans="1:15" ht="18" customHeight="1" x14ac:dyDescent="0.55000000000000004">
      <c r="A10" s="657"/>
      <c r="B10" s="659" t="s">
        <v>299</v>
      </c>
      <c r="C10" s="660"/>
      <c r="D10" s="660"/>
      <c r="E10" s="660"/>
      <c r="F10" s="660"/>
      <c r="G10" s="660"/>
      <c r="H10" s="661"/>
      <c r="I10" s="659" t="s">
        <v>300</v>
      </c>
      <c r="J10" s="660"/>
      <c r="K10" s="660"/>
      <c r="L10" s="660"/>
      <c r="M10" s="660"/>
      <c r="N10" s="660"/>
      <c r="O10" s="661"/>
    </row>
    <row r="11" spans="1:15" ht="18" customHeight="1" x14ac:dyDescent="0.55000000000000004">
      <c r="A11" s="657"/>
      <c r="B11" s="659" t="s">
        <v>301</v>
      </c>
      <c r="C11" s="660"/>
      <c r="D11" s="660"/>
      <c r="E11" s="660"/>
      <c r="F11" s="660"/>
      <c r="G11" s="660"/>
      <c r="H11" s="661"/>
      <c r="I11" s="659" t="s">
        <v>302</v>
      </c>
      <c r="J11" s="660"/>
      <c r="K11" s="660"/>
      <c r="L11" s="660"/>
      <c r="M11" s="660"/>
      <c r="N11" s="660"/>
      <c r="O11" s="661"/>
    </row>
    <row r="12" spans="1:15" ht="18" customHeight="1" x14ac:dyDescent="0.55000000000000004">
      <c r="A12" s="657"/>
      <c r="B12" s="659" t="s">
        <v>303</v>
      </c>
      <c r="C12" s="660"/>
      <c r="D12" s="660"/>
      <c r="E12" s="660"/>
      <c r="F12" s="660"/>
      <c r="G12" s="660"/>
      <c r="H12" s="661"/>
      <c r="I12" s="659" t="s">
        <v>234</v>
      </c>
      <c r="J12" s="660"/>
      <c r="K12" s="660"/>
      <c r="L12" s="660"/>
      <c r="M12" s="660"/>
      <c r="N12" s="660"/>
      <c r="O12" s="661"/>
    </row>
    <row r="13" spans="1:15" ht="36" customHeight="1" x14ac:dyDescent="0.55000000000000004">
      <c r="A13" s="657"/>
      <c r="B13" s="659" t="s">
        <v>304</v>
      </c>
      <c r="C13" s="660"/>
      <c r="D13" s="660"/>
      <c r="E13" s="660"/>
      <c r="F13" s="660"/>
      <c r="G13" s="660"/>
      <c r="H13" s="661"/>
      <c r="I13" s="659" t="s">
        <v>238</v>
      </c>
      <c r="J13" s="660"/>
      <c r="K13" s="660"/>
      <c r="L13" s="660"/>
      <c r="M13" s="660"/>
      <c r="N13" s="660"/>
      <c r="O13" s="661"/>
    </row>
    <row r="14" spans="1:15" ht="18" customHeight="1" x14ac:dyDescent="0.55000000000000004">
      <c r="A14" s="657"/>
      <c r="B14" s="659" t="s">
        <v>305</v>
      </c>
      <c r="C14" s="660"/>
      <c r="D14" s="660"/>
      <c r="E14" s="660"/>
      <c r="F14" s="660"/>
      <c r="G14" s="660"/>
      <c r="H14" s="661"/>
      <c r="I14" s="659" t="s">
        <v>241</v>
      </c>
      <c r="J14" s="660"/>
      <c r="K14" s="660"/>
      <c r="L14" s="660"/>
      <c r="M14" s="660"/>
      <c r="N14" s="660"/>
      <c r="O14" s="661"/>
    </row>
    <row r="15" spans="1:15" ht="18" customHeight="1" x14ac:dyDescent="0.55000000000000004">
      <c r="A15" s="657"/>
      <c r="B15" s="659" t="s">
        <v>306</v>
      </c>
      <c r="C15" s="660"/>
      <c r="D15" s="660"/>
      <c r="E15" s="660"/>
      <c r="F15" s="660"/>
      <c r="G15" s="660"/>
      <c r="H15" s="661"/>
      <c r="I15" s="659" t="s">
        <v>243</v>
      </c>
      <c r="J15" s="660"/>
      <c r="K15" s="660"/>
      <c r="L15" s="660"/>
      <c r="M15" s="660"/>
      <c r="N15" s="660"/>
      <c r="O15" s="661"/>
    </row>
    <row r="16" spans="1:15" ht="36" customHeight="1" x14ac:dyDescent="0.55000000000000004">
      <c r="A16" s="657"/>
      <c r="B16" s="641" t="s">
        <v>307</v>
      </c>
      <c r="C16" s="642"/>
      <c r="D16" s="642"/>
      <c r="E16" s="642"/>
      <c r="F16" s="642"/>
      <c r="G16" s="642"/>
      <c r="H16" s="643"/>
      <c r="I16" s="662" t="s">
        <v>245</v>
      </c>
      <c r="J16" s="663"/>
      <c r="K16" s="663"/>
      <c r="L16" s="663"/>
      <c r="M16" s="663"/>
      <c r="N16" s="663"/>
      <c r="O16" s="664"/>
    </row>
    <row r="17" spans="1:15" ht="18" customHeight="1" thickBot="1" x14ac:dyDescent="0.6">
      <c r="A17" s="658"/>
      <c r="B17" s="650"/>
      <c r="C17" s="651"/>
      <c r="D17" s="651"/>
      <c r="E17" s="651"/>
      <c r="F17" s="651"/>
      <c r="G17" s="651"/>
      <c r="H17" s="652"/>
      <c r="I17" s="653" t="s">
        <v>247</v>
      </c>
      <c r="J17" s="654"/>
      <c r="K17" s="654"/>
      <c r="L17" s="654"/>
      <c r="M17" s="654"/>
      <c r="N17" s="654"/>
      <c r="O17" s="655"/>
    </row>
    <row r="18" spans="1:15" ht="36" customHeight="1" x14ac:dyDescent="0.55000000000000004">
      <c r="A18" s="601" t="s">
        <v>266</v>
      </c>
      <c r="B18" s="604" t="s">
        <v>267</v>
      </c>
      <c r="C18" s="605"/>
      <c r="D18" s="605"/>
      <c r="E18" s="605"/>
      <c r="F18" s="605"/>
      <c r="G18" s="605"/>
      <c r="H18" s="606"/>
      <c r="I18" s="607" t="s">
        <v>229</v>
      </c>
      <c r="J18" s="608"/>
      <c r="K18" s="608"/>
      <c r="L18" s="608"/>
      <c r="M18" s="608"/>
      <c r="N18" s="608"/>
      <c r="O18" s="609"/>
    </row>
    <row r="19" spans="1:15" ht="18" customHeight="1" x14ac:dyDescent="0.55000000000000004">
      <c r="A19" s="602"/>
      <c r="B19" s="589" t="s">
        <v>268</v>
      </c>
      <c r="C19" s="590"/>
      <c r="D19" s="590"/>
      <c r="E19" s="590"/>
      <c r="F19" s="590"/>
      <c r="G19" s="590"/>
      <c r="H19" s="591"/>
      <c r="I19" s="571" t="s">
        <v>230</v>
      </c>
      <c r="J19" s="572"/>
      <c r="K19" s="572"/>
      <c r="L19" s="572"/>
      <c r="M19" s="572"/>
      <c r="N19" s="572"/>
      <c r="O19" s="573"/>
    </row>
    <row r="20" spans="1:15" ht="18" customHeight="1" x14ac:dyDescent="0.55000000000000004">
      <c r="A20" s="602"/>
      <c r="B20" s="589" t="s">
        <v>269</v>
      </c>
      <c r="C20" s="590"/>
      <c r="D20" s="590"/>
      <c r="E20" s="590"/>
      <c r="F20" s="590"/>
      <c r="G20" s="590"/>
      <c r="H20" s="591"/>
      <c r="I20" s="571" t="s">
        <v>270</v>
      </c>
      <c r="J20" s="572"/>
      <c r="K20" s="572"/>
      <c r="L20" s="572"/>
      <c r="M20" s="572"/>
      <c r="N20" s="572"/>
      <c r="O20" s="573"/>
    </row>
    <row r="21" spans="1:15" s="187" customFormat="1" ht="36" customHeight="1" x14ac:dyDescent="0.55000000000000004">
      <c r="A21" s="602"/>
      <c r="B21" s="595" t="s">
        <v>271</v>
      </c>
      <c r="C21" s="596"/>
      <c r="D21" s="596"/>
      <c r="E21" s="596"/>
      <c r="F21" s="596"/>
      <c r="G21" s="596"/>
      <c r="H21" s="597"/>
      <c r="I21" s="598" t="s">
        <v>232</v>
      </c>
      <c r="J21" s="599"/>
      <c r="K21" s="599"/>
      <c r="L21" s="599"/>
      <c r="M21" s="599"/>
      <c r="N21" s="599"/>
      <c r="O21" s="600"/>
    </row>
    <row r="22" spans="1:15" ht="18" customHeight="1" x14ac:dyDescent="0.55000000000000004">
      <c r="A22" s="602"/>
      <c r="B22" s="589" t="s">
        <v>272</v>
      </c>
      <c r="C22" s="590"/>
      <c r="D22" s="590"/>
      <c r="E22" s="590"/>
      <c r="F22" s="590"/>
      <c r="G22" s="590"/>
      <c r="H22" s="591"/>
      <c r="I22" s="571" t="s">
        <v>235</v>
      </c>
      <c r="J22" s="572"/>
      <c r="K22" s="572"/>
      <c r="L22" s="572"/>
      <c r="M22" s="572"/>
      <c r="N22" s="572"/>
      <c r="O22" s="573"/>
    </row>
    <row r="23" spans="1:15" ht="18" customHeight="1" x14ac:dyDescent="0.55000000000000004">
      <c r="A23" s="602"/>
      <c r="B23" s="589" t="s">
        <v>273</v>
      </c>
      <c r="C23" s="590"/>
      <c r="D23" s="590"/>
      <c r="E23" s="590"/>
      <c r="F23" s="590"/>
      <c r="G23" s="590"/>
      <c r="H23" s="591"/>
      <c r="I23" s="571" t="s">
        <v>239</v>
      </c>
      <c r="J23" s="572"/>
      <c r="K23" s="572"/>
      <c r="L23" s="572"/>
      <c r="M23" s="572"/>
      <c r="N23" s="572"/>
      <c r="O23" s="573"/>
    </row>
    <row r="24" spans="1:15" ht="36" customHeight="1" x14ac:dyDescent="0.55000000000000004">
      <c r="A24" s="602"/>
      <c r="B24" s="595" t="s">
        <v>274</v>
      </c>
      <c r="C24" s="596"/>
      <c r="D24" s="596"/>
      <c r="E24" s="596"/>
      <c r="F24" s="596"/>
      <c r="G24" s="596"/>
      <c r="H24" s="597"/>
      <c r="I24" s="598" t="s">
        <v>242</v>
      </c>
      <c r="J24" s="599"/>
      <c r="K24" s="599"/>
      <c r="L24" s="599"/>
      <c r="M24" s="599"/>
      <c r="N24" s="599"/>
      <c r="O24" s="600"/>
    </row>
    <row r="25" spans="1:15" ht="36" customHeight="1" x14ac:dyDescent="0.55000000000000004">
      <c r="A25" s="602"/>
      <c r="B25" s="610"/>
      <c r="C25" s="611"/>
      <c r="D25" s="611"/>
      <c r="E25" s="611"/>
      <c r="F25" s="611"/>
      <c r="G25" s="611"/>
      <c r="H25" s="612"/>
      <c r="I25" s="598" t="s">
        <v>244</v>
      </c>
      <c r="J25" s="599"/>
      <c r="K25" s="599"/>
      <c r="L25" s="599"/>
      <c r="M25" s="599"/>
      <c r="N25" s="599"/>
      <c r="O25" s="600"/>
    </row>
    <row r="26" spans="1:15" ht="36" customHeight="1" thickBot="1" x14ac:dyDescent="0.6">
      <c r="A26" s="603"/>
      <c r="B26" s="613"/>
      <c r="C26" s="614"/>
      <c r="D26" s="614"/>
      <c r="E26" s="614"/>
      <c r="F26" s="614"/>
      <c r="G26" s="614"/>
      <c r="H26" s="615"/>
      <c r="I26" s="616" t="s">
        <v>246</v>
      </c>
      <c r="J26" s="617"/>
      <c r="K26" s="617"/>
      <c r="L26" s="617"/>
      <c r="M26" s="617"/>
      <c r="N26" s="617"/>
      <c r="O26" s="618"/>
    </row>
    <row r="27" spans="1:15" s="188" customFormat="1" ht="18" customHeight="1" x14ac:dyDescent="0.55000000000000004">
      <c r="A27" s="580" t="s">
        <v>5</v>
      </c>
      <c r="B27" s="583" t="s">
        <v>275</v>
      </c>
      <c r="C27" s="584"/>
      <c r="D27" s="584"/>
      <c r="E27" s="584"/>
      <c r="F27" s="584"/>
      <c r="G27" s="584"/>
      <c r="H27" s="585"/>
      <c r="I27" s="586" t="s">
        <v>223</v>
      </c>
      <c r="J27" s="587"/>
      <c r="K27" s="587"/>
      <c r="L27" s="587"/>
      <c r="M27" s="587"/>
      <c r="N27" s="587"/>
      <c r="O27" s="588"/>
    </row>
    <row r="28" spans="1:15" s="188" customFormat="1" ht="18" customHeight="1" x14ac:dyDescent="0.55000000000000004">
      <c r="A28" s="581"/>
      <c r="B28" s="589" t="s">
        <v>276</v>
      </c>
      <c r="C28" s="590"/>
      <c r="D28" s="590"/>
      <c r="E28" s="590"/>
      <c r="F28" s="590"/>
      <c r="G28" s="590"/>
      <c r="H28" s="591"/>
      <c r="I28" s="571" t="s">
        <v>277</v>
      </c>
      <c r="J28" s="572"/>
      <c r="K28" s="572"/>
      <c r="L28" s="572"/>
      <c r="M28" s="572"/>
      <c r="N28" s="572"/>
      <c r="O28" s="573"/>
    </row>
    <row r="29" spans="1:15" s="188" customFormat="1" ht="18" customHeight="1" x14ac:dyDescent="0.55000000000000004">
      <c r="A29" s="581"/>
      <c r="B29" s="589" t="s">
        <v>278</v>
      </c>
      <c r="C29" s="590"/>
      <c r="D29" s="590"/>
      <c r="E29" s="590"/>
      <c r="F29" s="590"/>
      <c r="G29" s="590"/>
      <c r="H29" s="591"/>
      <c r="I29" s="571" t="s">
        <v>279</v>
      </c>
      <c r="J29" s="572"/>
      <c r="K29" s="572"/>
      <c r="L29" s="572"/>
      <c r="M29" s="572"/>
      <c r="N29" s="572"/>
      <c r="O29" s="573"/>
    </row>
    <row r="30" spans="1:15" s="188" customFormat="1" ht="18" customHeight="1" x14ac:dyDescent="0.55000000000000004">
      <c r="A30" s="581"/>
      <c r="B30" s="589" t="s">
        <v>280</v>
      </c>
      <c r="C30" s="590"/>
      <c r="D30" s="590"/>
      <c r="E30" s="590"/>
      <c r="F30" s="590"/>
      <c r="G30" s="590"/>
      <c r="H30" s="591"/>
      <c r="I30" s="571" t="s">
        <v>281</v>
      </c>
      <c r="J30" s="572"/>
      <c r="K30" s="572"/>
      <c r="L30" s="572"/>
      <c r="M30" s="572"/>
      <c r="N30" s="572"/>
      <c r="O30" s="573"/>
    </row>
    <row r="31" spans="1:15" s="188" customFormat="1" ht="18" customHeight="1" x14ac:dyDescent="0.55000000000000004">
      <c r="A31" s="581"/>
      <c r="B31" s="589" t="s">
        <v>282</v>
      </c>
      <c r="C31" s="590"/>
      <c r="D31" s="590"/>
      <c r="E31" s="590"/>
      <c r="F31" s="590"/>
      <c r="G31" s="590"/>
      <c r="H31" s="591"/>
      <c r="I31" s="571" t="s">
        <v>236</v>
      </c>
      <c r="J31" s="572"/>
      <c r="K31" s="572"/>
      <c r="L31" s="572"/>
      <c r="M31" s="572"/>
      <c r="N31" s="572"/>
      <c r="O31" s="573"/>
    </row>
    <row r="32" spans="1:15" s="188" customFormat="1" ht="18" customHeight="1" thickBot="1" x14ac:dyDescent="0.6">
      <c r="A32" s="582"/>
      <c r="B32" s="574" t="s">
        <v>109</v>
      </c>
      <c r="C32" s="575"/>
      <c r="D32" s="575"/>
      <c r="E32" s="575"/>
      <c r="F32" s="575"/>
      <c r="G32" s="575"/>
      <c r="H32" s="576"/>
      <c r="I32" s="577" t="s">
        <v>227</v>
      </c>
      <c r="J32" s="578"/>
      <c r="K32" s="578"/>
      <c r="L32" s="578"/>
      <c r="M32" s="578"/>
      <c r="N32" s="578"/>
      <c r="O32" s="579"/>
    </row>
    <row r="33" spans="2:10" ht="30" customHeight="1" x14ac:dyDescent="0.55000000000000004">
      <c r="B33" s="189"/>
      <c r="C33" s="189"/>
      <c r="D33" s="189"/>
      <c r="E33" s="189"/>
      <c r="F33" s="189"/>
      <c r="G33" s="189"/>
      <c r="H33" s="189"/>
      <c r="I33" s="189"/>
      <c r="J33" s="189"/>
    </row>
    <row r="34" spans="2:10" ht="30" customHeight="1" x14ac:dyDescent="0.55000000000000004"/>
  </sheetData>
  <mergeCells count="67">
    <mergeCell ref="B12:H12"/>
    <mergeCell ref="I12:O12"/>
    <mergeCell ref="A1:O1"/>
    <mergeCell ref="B2:H2"/>
    <mergeCell ref="I2:O2"/>
    <mergeCell ref="A3:A7"/>
    <mergeCell ref="B3:H3"/>
    <mergeCell ref="I3:O3"/>
    <mergeCell ref="B4:H4"/>
    <mergeCell ref="I4:O4"/>
    <mergeCell ref="B5:H5"/>
    <mergeCell ref="I5:O5"/>
    <mergeCell ref="B9:H9"/>
    <mergeCell ref="I9:O9"/>
    <mergeCell ref="B10:H10"/>
    <mergeCell ref="I10:O10"/>
    <mergeCell ref="B11:H11"/>
    <mergeCell ref="I11:O11"/>
    <mergeCell ref="B6:H6"/>
    <mergeCell ref="I6:O6"/>
    <mergeCell ref="B7:H7"/>
    <mergeCell ref="I7:O7"/>
    <mergeCell ref="B8:H8"/>
    <mergeCell ref="I8:O8"/>
    <mergeCell ref="B15:H15"/>
    <mergeCell ref="I15:O15"/>
    <mergeCell ref="B16:H16"/>
    <mergeCell ref="I16:O16"/>
    <mergeCell ref="B13:H13"/>
    <mergeCell ref="I13:O13"/>
    <mergeCell ref="B17:H17"/>
    <mergeCell ref="I17:O17"/>
    <mergeCell ref="A18:A26"/>
    <mergeCell ref="B18:H18"/>
    <mergeCell ref="I18:O18"/>
    <mergeCell ref="B19:H19"/>
    <mergeCell ref="I19:O19"/>
    <mergeCell ref="B20:H20"/>
    <mergeCell ref="I20:O20"/>
    <mergeCell ref="B21:H21"/>
    <mergeCell ref="A8:A17"/>
    <mergeCell ref="I21:O21"/>
    <mergeCell ref="B22:H22"/>
    <mergeCell ref="I22:O22"/>
    <mergeCell ref="B14:H14"/>
    <mergeCell ref="I14:O14"/>
    <mergeCell ref="A27:A32"/>
    <mergeCell ref="B27:H27"/>
    <mergeCell ref="I27:O27"/>
    <mergeCell ref="B28:H28"/>
    <mergeCell ref="I28:O28"/>
    <mergeCell ref="B29:H29"/>
    <mergeCell ref="B32:H32"/>
    <mergeCell ref="I32:O32"/>
    <mergeCell ref="I29:O29"/>
    <mergeCell ref="B30:H30"/>
    <mergeCell ref="I30:O30"/>
    <mergeCell ref="B31:H31"/>
    <mergeCell ref="I31:O31"/>
    <mergeCell ref="B23:H23"/>
    <mergeCell ref="I23:O23"/>
    <mergeCell ref="B25:H25"/>
    <mergeCell ref="I25:O25"/>
    <mergeCell ref="B26:H26"/>
    <mergeCell ref="I26:O26"/>
    <mergeCell ref="B24:H24"/>
    <mergeCell ref="I24:O24"/>
  </mergeCells>
  <phoneticPr fontId="1"/>
  <printOptions horizontalCentered="1" verticalCentered="1"/>
  <pageMargins left="0.70866141732283472" right="0.70866141732283472" top="0.74803149606299213" bottom="0.74803149606299213" header="0.31496062992125984" footer="0.31496062992125984"/>
  <pageSetup paperSize="9" scale="58" orientation="landscape" r:id="rId1"/>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7030A0"/>
  </sheetPr>
  <dimension ref="A1:G10"/>
  <sheetViews>
    <sheetView workbookViewId="0"/>
  </sheetViews>
  <sheetFormatPr defaultRowHeight="18" x14ac:dyDescent="0.55000000000000004"/>
  <cols>
    <col min="1" max="1" width="22.1640625" bestFit="1" customWidth="1"/>
    <col min="2" max="2" width="22.1640625" customWidth="1"/>
    <col min="3" max="3" width="14.9140625" customWidth="1"/>
    <col min="4" max="4" width="15.5" style="75" customWidth="1"/>
    <col min="5" max="5" width="20.5" style="75" customWidth="1"/>
    <col min="6" max="6" width="17.1640625" style="75" customWidth="1"/>
    <col min="7" max="7" width="25" style="75" customWidth="1"/>
    <col min="8" max="11" width="8.5" customWidth="1"/>
  </cols>
  <sheetData>
    <row r="1" spans="1:7" x14ac:dyDescent="0.55000000000000004">
      <c r="A1" t="s">
        <v>1</v>
      </c>
      <c r="B1" s="6" t="s">
        <v>373</v>
      </c>
      <c r="C1" s="73" t="s">
        <v>204</v>
      </c>
      <c r="D1" s="73" t="s">
        <v>228</v>
      </c>
      <c r="E1" s="75" t="s">
        <v>218</v>
      </c>
      <c r="F1" s="75" t="s">
        <v>229</v>
      </c>
      <c r="G1" s="75" t="s">
        <v>223</v>
      </c>
    </row>
    <row r="2" spans="1:7" x14ac:dyDescent="0.55000000000000004">
      <c r="A2" t="s">
        <v>92</v>
      </c>
      <c r="B2" s="6" t="s">
        <v>210</v>
      </c>
      <c r="C2" s="73" t="s">
        <v>203</v>
      </c>
      <c r="D2" s="73" t="s">
        <v>215</v>
      </c>
      <c r="E2" s="75" t="s">
        <v>219</v>
      </c>
      <c r="F2" s="75" t="s">
        <v>230</v>
      </c>
      <c r="G2" s="75" t="s">
        <v>224</v>
      </c>
    </row>
    <row r="3" spans="1:7" x14ac:dyDescent="0.55000000000000004">
      <c r="A3" t="s">
        <v>93</v>
      </c>
      <c r="B3" s="6" t="s">
        <v>211</v>
      </c>
      <c r="C3" s="73" t="s">
        <v>205</v>
      </c>
      <c r="D3" s="73" t="s">
        <v>216</v>
      </c>
      <c r="E3" s="75" t="s">
        <v>220</v>
      </c>
      <c r="F3" s="75" t="s">
        <v>222</v>
      </c>
      <c r="G3" s="75" t="s">
        <v>225</v>
      </c>
    </row>
    <row r="4" spans="1:7" x14ac:dyDescent="0.55000000000000004">
      <c r="A4" t="s">
        <v>94</v>
      </c>
      <c r="B4" s="6" t="s">
        <v>212</v>
      </c>
      <c r="C4" s="73" t="s">
        <v>213</v>
      </c>
      <c r="D4" s="73" t="s">
        <v>231</v>
      </c>
      <c r="E4" s="75" t="s">
        <v>221</v>
      </c>
      <c r="F4" s="75" t="s">
        <v>232</v>
      </c>
      <c r="G4" s="75" t="s">
        <v>226</v>
      </c>
    </row>
    <row r="5" spans="1:7" x14ac:dyDescent="0.55000000000000004">
      <c r="B5" s="6"/>
      <c r="C5" s="73" t="s">
        <v>206</v>
      </c>
      <c r="D5" s="73" t="s">
        <v>233</v>
      </c>
      <c r="E5" s="75" t="s">
        <v>234</v>
      </c>
      <c r="F5" s="75" t="s">
        <v>235</v>
      </c>
      <c r="G5" s="75" t="s">
        <v>236</v>
      </c>
    </row>
    <row r="6" spans="1:7" x14ac:dyDescent="0.55000000000000004">
      <c r="C6" s="73" t="s">
        <v>214</v>
      </c>
      <c r="D6" s="73" t="s">
        <v>237</v>
      </c>
      <c r="E6" s="75" t="s">
        <v>238</v>
      </c>
      <c r="F6" s="75" t="s">
        <v>239</v>
      </c>
      <c r="G6" s="75" t="s">
        <v>227</v>
      </c>
    </row>
    <row r="7" spans="1:7" x14ac:dyDescent="0.55000000000000004">
      <c r="C7" s="74" t="s">
        <v>207</v>
      </c>
      <c r="D7" s="73" t="s">
        <v>240</v>
      </c>
      <c r="E7" s="75" t="s">
        <v>241</v>
      </c>
      <c r="F7" s="75" t="s">
        <v>242</v>
      </c>
    </row>
    <row r="8" spans="1:7" x14ac:dyDescent="0.55000000000000004">
      <c r="C8" s="76" t="s">
        <v>208</v>
      </c>
      <c r="D8" s="73" t="s">
        <v>217</v>
      </c>
      <c r="E8" s="75" t="s">
        <v>243</v>
      </c>
      <c r="F8" s="75" t="s">
        <v>244</v>
      </c>
    </row>
    <row r="9" spans="1:7" x14ac:dyDescent="0.55000000000000004">
      <c r="C9" s="72"/>
      <c r="E9" s="75" t="s">
        <v>245</v>
      </c>
      <c r="F9" s="75" t="s">
        <v>246</v>
      </c>
    </row>
    <row r="10" spans="1:7" x14ac:dyDescent="0.55000000000000004">
      <c r="E10" s="75" t="s">
        <v>247</v>
      </c>
    </row>
  </sheetData>
  <sheetProtection sheet="1" objects="1" scenarios="1"/>
  <phoneticPr fontId="1"/>
  <pageMargins left="0.7" right="0.7" top="0.75" bottom="0.75" header="0.3" footer="0.3"/>
  <pageSetup paperSize="9" orientation="portrait" r:id="rId1"/>
  <tableParts count="6">
    <tablePart r:id="rId2"/>
    <tablePart r:id="rId3"/>
    <tablePart r:id="rId4"/>
    <tablePart r:id="rId5"/>
    <tablePart r:id="rId6"/>
    <tablePart r:id="rId7"/>
  </tablePart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Z294"/>
  <sheetViews>
    <sheetView zoomScale="80" zoomScaleNormal="80" workbookViewId="0">
      <pane xSplit="3" ySplit="4" topLeftCell="D5" activePane="bottomRight" state="frozen"/>
      <selection activeCell="M7" sqref="M7:Q15"/>
      <selection pane="topRight" activeCell="M7" sqref="M7:Q15"/>
      <selection pane="bottomLeft" activeCell="M7" sqref="M7:Q15"/>
      <selection pane="bottomRight" sqref="A1:C4"/>
    </sheetView>
  </sheetViews>
  <sheetFormatPr defaultColWidth="8.58203125" defaultRowHeight="18" x14ac:dyDescent="0.55000000000000004"/>
  <cols>
    <col min="1" max="1" width="5.33203125" style="6" customWidth="1"/>
    <col min="2" max="2" width="4.83203125" style="6" customWidth="1"/>
    <col min="3" max="3" width="70.9140625" style="6" customWidth="1"/>
    <col min="4" max="43" width="3.08203125" style="6" customWidth="1"/>
    <col min="44" max="16384" width="8.58203125" style="6"/>
  </cols>
  <sheetData>
    <row r="1" spans="1:43" x14ac:dyDescent="0.55000000000000004">
      <c r="A1" s="378" t="s">
        <v>353</v>
      </c>
      <c r="B1" s="379"/>
      <c r="C1" s="380"/>
      <c r="D1" s="383" t="s">
        <v>308</v>
      </c>
      <c r="E1" s="383"/>
      <c r="F1" s="383"/>
      <c r="G1" s="383"/>
      <c r="H1" s="383"/>
      <c r="I1" s="383"/>
      <c r="J1" s="383"/>
      <c r="K1" s="383"/>
      <c r="L1" s="383"/>
      <c r="M1" s="383"/>
      <c r="N1" s="383"/>
      <c r="O1" s="383"/>
      <c r="P1" s="383"/>
      <c r="Q1" s="383"/>
      <c r="R1" s="383"/>
      <c r="S1" s="383"/>
      <c r="T1" s="383"/>
      <c r="U1" s="383"/>
      <c r="V1" s="383"/>
      <c r="W1" s="384"/>
      <c r="X1" s="385" t="s">
        <v>309</v>
      </c>
      <c r="Y1" s="383"/>
      <c r="Z1" s="383"/>
      <c r="AA1" s="383"/>
      <c r="AB1" s="383"/>
      <c r="AC1" s="383"/>
      <c r="AD1" s="383"/>
      <c r="AE1" s="383"/>
      <c r="AF1" s="383"/>
      <c r="AG1" s="383"/>
      <c r="AH1" s="383"/>
      <c r="AI1" s="383"/>
      <c r="AJ1" s="383"/>
      <c r="AK1" s="383"/>
      <c r="AL1" s="383"/>
      <c r="AM1" s="383"/>
      <c r="AN1" s="383"/>
      <c r="AO1" s="383"/>
      <c r="AP1" s="383"/>
      <c r="AQ1" s="384"/>
    </row>
    <row r="2" spans="1:43" x14ac:dyDescent="0.55000000000000004">
      <c r="A2" s="378"/>
      <c r="B2" s="379"/>
      <c r="C2" s="380"/>
      <c r="D2" s="375" t="str">
        <f>【手順１】!E2</f>
        <v>①</v>
      </c>
      <c r="E2" s="375"/>
      <c r="F2" s="375"/>
      <c r="G2" s="375"/>
      <c r="H2" s="375"/>
      <c r="I2" s="375"/>
      <c r="J2" s="375"/>
      <c r="K2" s="375"/>
      <c r="L2" s="375"/>
      <c r="M2" s="375"/>
      <c r="N2" s="375"/>
      <c r="O2" s="375"/>
      <c r="P2" s="375"/>
      <c r="Q2" s="375"/>
      <c r="R2" s="375"/>
      <c r="S2" s="375"/>
      <c r="T2" s="375"/>
      <c r="U2" s="375"/>
      <c r="V2" s="375"/>
      <c r="W2" s="376"/>
      <c r="X2" s="377" t="str">
        <f>【手順１】!Y2</f>
        <v>②</v>
      </c>
      <c r="Y2" s="375"/>
      <c r="Z2" s="375"/>
      <c r="AA2" s="375"/>
      <c r="AB2" s="375"/>
      <c r="AC2" s="375"/>
      <c r="AD2" s="375"/>
      <c r="AE2" s="375"/>
      <c r="AF2" s="375"/>
      <c r="AG2" s="375"/>
      <c r="AH2" s="375"/>
      <c r="AI2" s="375"/>
      <c r="AJ2" s="375"/>
      <c r="AK2" s="375"/>
      <c r="AL2" s="375"/>
      <c r="AM2" s="375"/>
      <c r="AN2" s="375"/>
      <c r="AO2" s="375"/>
      <c r="AP2" s="375"/>
      <c r="AQ2" s="376"/>
    </row>
    <row r="3" spans="1:43" ht="20.149999999999999" customHeight="1" x14ac:dyDescent="0.55000000000000004">
      <c r="A3" s="379"/>
      <c r="B3" s="379"/>
      <c r="C3" s="380"/>
      <c r="D3" s="375" t="str">
        <f>【手順１】!E3</f>
        <v>第３学年　時間</v>
      </c>
      <c r="E3" s="375"/>
      <c r="F3" s="375"/>
      <c r="G3" s="375"/>
      <c r="H3" s="375"/>
      <c r="I3" s="375"/>
      <c r="J3" s="375"/>
      <c r="K3" s="375"/>
      <c r="L3" s="375"/>
      <c r="M3" s="375"/>
      <c r="N3" s="375"/>
      <c r="O3" s="375"/>
      <c r="P3" s="375"/>
      <c r="Q3" s="375"/>
      <c r="R3" s="375"/>
      <c r="S3" s="375"/>
      <c r="T3" s="375"/>
      <c r="U3" s="375"/>
      <c r="V3" s="375"/>
      <c r="W3" s="376"/>
      <c r="X3" s="377" t="str">
        <f>【手順１】!Y3</f>
        <v>第３学年　時間</v>
      </c>
      <c r="Y3" s="375"/>
      <c r="Z3" s="375"/>
      <c r="AA3" s="375"/>
      <c r="AB3" s="375"/>
      <c r="AC3" s="375"/>
      <c r="AD3" s="375"/>
      <c r="AE3" s="375"/>
      <c r="AF3" s="375"/>
      <c r="AG3" s="375"/>
      <c r="AH3" s="375"/>
      <c r="AI3" s="375"/>
      <c r="AJ3" s="375"/>
      <c r="AK3" s="375"/>
      <c r="AL3" s="375"/>
      <c r="AM3" s="375"/>
      <c r="AN3" s="375"/>
      <c r="AO3" s="375"/>
      <c r="AP3" s="375"/>
      <c r="AQ3" s="376"/>
    </row>
    <row r="4" spans="1:43" ht="20.149999999999999" customHeight="1" x14ac:dyDescent="0.55000000000000004">
      <c r="A4" s="381"/>
      <c r="B4" s="381"/>
      <c r="C4" s="382"/>
      <c r="D4" s="370">
        <v>1</v>
      </c>
      <c r="E4" s="370"/>
      <c r="F4" s="386">
        <v>2</v>
      </c>
      <c r="G4" s="387"/>
      <c r="H4" s="386">
        <v>3</v>
      </c>
      <c r="I4" s="387"/>
      <c r="J4" s="386">
        <v>4</v>
      </c>
      <c r="K4" s="388"/>
      <c r="L4" s="370">
        <v>5</v>
      </c>
      <c r="M4" s="370"/>
      <c r="N4" s="386">
        <v>6</v>
      </c>
      <c r="O4" s="387"/>
      <c r="P4" s="386">
        <v>7</v>
      </c>
      <c r="Q4" s="387"/>
      <c r="R4" s="386">
        <v>8</v>
      </c>
      <c r="S4" s="388"/>
      <c r="T4" s="370">
        <v>9</v>
      </c>
      <c r="U4" s="370"/>
      <c r="V4" s="386">
        <v>10</v>
      </c>
      <c r="W4" s="389"/>
      <c r="X4" s="370">
        <v>1</v>
      </c>
      <c r="Y4" s="371"/>
      <c r="Z4" s="386">
        <v>2</v>
      </c>
      <c r="AA4" s="388"/>
      <c r="AB4" s="370">
        <v>3</v>
      </c>
      <c r="AC4" s="371"/>
      <c r="AD4" s="370">
        <v>4</v>
      </c>
      <c r="AE4" s="371"/>
      <c r="AF4" s="370">
        <v>5</v>
      </c>
      <c r="AG4" s="371"/>
      <c r="AH4" s="370">
        <v>6</v>
      </c>
      <c r="AI4" s="371"/>
      <c r="AJ4" s="370">
        <v>7</v>
      </c>
      <c r="AK4" s="371"/>
      <c r="AL4" s="370">
        <v>8</v>
      </c>
      <c r="AM4" s="371"/>
      <c r="AN4" s="370">
        <v>9</v>
      </c>
      <c r="AO4" s="371"/>
      <c r="AP4" s="386">
        <v>10</v>
      </c>
      <c r="AQ4" s="389"/>
    </row>
    <row r="5" spans="1:43" ht="25" customHeight="1" x14ac:dyDescent="0.55000000000000004">
      <c r="A5" s="390" t="s">
        <v>310</v>
      </c>
      <c r="B5" s="390" t="s">
        <v>1</v>
      </c>
      <c r="C5" s="245" t="str">
        <f>【手順１】!D5</f>
        <v>①球技の各型の各種目において用いられる技術や戦術、作戦には名称があり、それらを身に付けるためのポイントがあること</v>
      </c>
      <c r="D5" s="372">
        <f>【手順１】!E5</f>
        <v>0</v>
      </c>
      <c r="E5" s="364"/>
      <c r="F5" s="364">
        <f>【手順１】!G5</f>
        <v>0</v>
      </c>
      <c r="G5" s="364"/>
      <c r="H5" s="364">
        <f>【手順１】!I5</f>
        <v>0</v>
      </c>
      <c r="I5" s="364"/>
      <c r="J5" s="364">
        <f>【手順１】!K5</f>
        <v>0</v>
      </c>
      <c r="K5" s="364"/>
      <c r="L5" s="364">
        <f>【手順１】!M5</f>
        <v>0</v>
      </c>
      <c r="M5" s="364"/>
      <c r="N5" s="364">
        <f>【手順１】!O5</f>
        <v>0</v>
      </c>
      <c r="O5" s="364"/>
      <c r="P5" s="364">
        <f>【手順１】!Q5</f>
        <v>0</v>
      </c>
      <c r="Q5" s="364"/>
      <c r="R5" s="364">
        <f>【手順１】!S5</f>
        <v>0</v>
      </c>
      <c r="S5" s="364"/>
      <c r="T5" s="364">
        <f>【手順１】!U5</f>
        <v>0</v>
      </c>
      <c r="U5" s="364"/>
      <c r="V5" s="364">
        <f>【手順１】!W5</f>
        <v>0</v>
      </c>
      <c r="W5" s="365"/>
      <c r="X5" s="366">
        <f>【手順１】!Y5</f>
        <v>0</v>
      </c>
      <c r="Y5" s="364"/>
      <c r="Z5" s="364">
        <f>【手順１】!AA5</f>
        <v>0</v>
      </c>
      <c r="AA5" s="364"/>
      <c r="AB5" s="364">
        <f>【手順１】!AC5</f>
        <v>0</v>
      </c>
      <c r="AC5" s="364"/>
      <c r="AD5" s="364">
        <f>【手順１】!AE5</f>
        <v>0</v>
      </c>
      <c r="AE5" s="364"/>
      <c r="AF5" s="364">
        <f>【手順１】!AG5</f>
        <v>0</v>
      </c>
      <c r="AG5" s="364"/>
      <c r="AH5" s="364">
        <f>【手順１】!AI5</f>
        <v>0</v>
      </c>
      <c r="AI5" s="364"/>
      <c r="AJ5" s="364">
        <f>【手順１】!AK5</f>
        <v>0</v>
      </c>
      <c r="AK5" s="364"/>
      <c r="AL5" s="364">
        <f>【手順１】!AM5</f>
        <v>0</v>
      </c>
      <c r="AM5" s="364"/>
      <c r="AN5" s="364">
        <f>【手順１】!AO5</f>
        <v>0</v>
      </c>
      <c r="AO5" s="364"/>
      <c r="AP5" s="364">
        <f>【手順１】!AQ5</f>
        <v>0</v>
      </c>
      <c r="AQ5" s="365"/>
    </row>
    <row r="6" spans="1:43" ht="9" customHeight="1" x14ac:dyDescent="0.55000000000000004">
      <c r="A6" s="391"/>
      <c r="B6" s="391"/>
      <c r="C6" s="246" t="str">
        <f>【手順１】!D6</f>
        <v>②戦術や作戦に応じて、技能をゲーム中に適切に発揮することが攻防のポイントであること</v>
      </c>
      <c r="D6" s="356">
        <f>【手順１】!E6</f>
        <v>0</v>
      </c>
      <c r="E6" s="354"/>
      <c r="F6" s="354">
        <f>【手順１】!G6</f>
        <v>0</v>
      </c>
      <c r="G6" s="354"/>
      <c r="H6" s="354">
        <f>【手順１】!I6</f>
        <v>0</v>
      </c>
      <c r="I6" s="354"/>
      <c r="J6" s="354">
        <f>【手順１】!K6</f>
        <v>0</v>
      </c>
      <c r="K6" s="354"/>
      <c r="L6" s="354">
        <f>【手順１】!M6</f>
        <v>0</v>
      </c>
      <c r="M6" s="354"/>
      <c r="N6" s="354">
        <f>【手順１】!O6</f>
        <v>0</v>
      </c>
      <c r="O6" s="354"/>
      <c r="P6" s="354">
        <f>【手順１】!Q6</f>
        <v>0</v>
      </c>
      <c r="Q6" s="354"/>
      <c r="R6" s="354">
        <f>【手順１】!S6</f>
        <v>0</v>
      </c>
      <c r="S6" s="354"/>
      <c r="T6" s="354">
        <f>【手順１】!U6</f>
        <v>0</v>
      </c>
      <c r="U6" s="354"/>
      <c r="V6" s="354">
        <f>【手順１】!W6</f>
        <v>0</v>
      </c>
      <c r="W6" s="355"/>
      <c r="X6" s="363">
        <f>【手順１】!Y6</f>
        <v>0</v>
      </c>
      <c r="Y6" s="354"/>
      <c r="Z6" s="354">
        <f>【手順１】!AA6</f>
        <v>0</v>
      </c>
      <c r="AA6" s="354"/>
      <c r="AB6" s="354">
        <f>【手順１】!AC6</f>
        <v>0</v>
      </c>
      <c r="AC6" s="354"/>
      <c r="AD6" s="354">
        <f>【手順１】!AE6</f>
        <v>0</v>
      </c>
      <c r="AE6" s="354"/>
      <c r="AF6" s="354">
        <f>【手順１】!AG6</f>
        <v>0</v>
      </c>
      <c r="AG6" s="354"/>
      <c r="AH6" s="354">
        <f>【手順１】!AI6</f>
        <v>0</v>
      </c>
      <c r="AI6" s="354"/>
      <c r="AJ6" s="354">
        <f>【手順１】!AK6</f>
        <v>0</v>
      </c>
      <c r="AK6" s="354"/>
      <c r="AL6" s="354">
        <f>【手順１】!AM6</f>
        <v>0</v>
      </c>
      <c r="AM6" s="354"/>
      <c r="AN6" s="354">
        <f>【手順１】!AO6</f>
        <v>0</v>
      </c>
      <c r="AO6" s="354"/>
      <c r="AP6" s="354">
        <f>【手順１】!AQ6</f>
        <v>0</v>
      </c>
      <c r="AQ6" s="355"/>
    </row>
    <row r="7" spans="1:43" ht="26" customHeight="1" x14ac:dyDescent="0.55000000000000004">
      <c r="A7" s="391"/>
      <c r="B7" s="391"/>
      <c r="C7" s="246" t="str">
        <f>【手順１】!D7</f>
        <v>③ゲームに必要な技術と関連させた補助運動や部分練習を繰り返したり、継続して行ったりすることで、結果として体力を高めることができること</v>
      </c>
      <c r="D7" s="356">
        <f>【手順１】!E7</f>
        <v>0</v>
      </c>
      <c r="E7" s="354"/>
      <c r="F7" s="354">
        <f>【手順１】!G7</f>
        <v>0</v>
      </c>
      <c r="G7" s="354"/>
      <c r="H7" s="354">
        <f>【手順１】!I7</f>
        <v>0</v>
      </c>
      <c r="I7" s="354"/>
      <c r="J7" s="354">
        <f>【手順１】!K7</f>
        <v>0</v>
      </c>
      <c r="K7" s="354"/>
      <c r="L7" s="354">
        <f>【手順１】!M7</f>
        <v>0</v>
      </c>
      <c r="M7" s="354"/>
      <c r="N7" s="354">
        <f>【手順１】!O7</f>
        <v>0</v>
      </c>
      <c r="O7" s="354"/>
      <c r="P7" s="354">
        <f>【手順１】!Q7</f>
        <v>0</v>
      </c>
      <c r="Q7" s="354"/>
      <c r="R7" s="354">
        <f>【手順１】!S7</f>
        <v>0</v>
      </c>
      <c r="S7" s="354"/>
      <c r="T7" s="354">
        <f>【手順１】!U7</f>
        <v>0</v>
      </c>
      <c r="U7" s="354"/>
      <c r="V7" s="354">
        <f>【手順１】!W7</f>
        <v>0</v>
      </c>
      <c r="W7" s="355"/>
      <c r="X7" s="363">
        <f>【手順１】!Y7</f>
        <v>0</v>
      </c>
      <c r="Y7" s="354"/>
      <c r="Z7" s="354">
        <f>【手順１】!AA7</f>
        <v>0</v>
      </c>
      <c r="AA7" s="354"/>
      <c r="AB7" s="354">
        <f>【手順１】!AC7</f>
        <v>0</v>
      </c>
      <c r="AC7" s="354"/>
      <c r="AD7" s="354">
        <f>【手順１】!AE7</f>
        <v>0</v>
      </c>
      <c r="AE7" s="354"/>
      <c r="AF7" s="354">
        <f>【手順１】!AG7</f>
        <v>0</v>
      </c>
      <c r="AG7" s="354"/>
      <c r="AH7" s="354">
        <f>【手順１】!AI7</f>
        <v>0</v>
      </c>
      <c r="AI7" s="354"/>
      <c r="AJ7" s="354">
        <f>【手順１】!AK7</f>
        <v>0</v>
      </c>
      <c r="AK7" s="354"/>
      <c r="AL7" s="354">
        <f>【手順１】!AM7</f>
        <v>0</v>
      </c>
      <c r="AM7" s="354"/>
      <c r="AN7" s="354">
        <f>【手順１】!AO7</f>
        <v>0</v>
      </c>
      <c r="AO7" s="354"/>
      <c r="AP7" s="354">
        <f>【手順１】!AQ7</f>
        <v>0</v>
      </c>
      <c r="AQ7" s="355"/>
    </row>
    <row r="8" spans="1:43" ht="9" customHeight="1" thickBot="1" x14ac:dyDescent="0.6">
      <c r="A8" s="391"/>
      <c r="B8" s="391"/>
      <c r="C8" s="246" t="str">
        <f>【手順１】!D8</f>
        <v>④練習やゲーム中の技能を観察したり分析したりするには、自己観察や他者観察などの方法があること</v>
      </c>
      <c r="D8" s="374">
        <f>【手順１】!E8</f>
        <v>0</v>
      </c>
      <c r="E8" s="367"/>
      <c r="F8" s="367">
        <f>【手順１】!G8</f>
        <v>0</v>
      </c>
      <c r="G8" s="367"/>
      <c r="H8" s="367">
        <f>【手順１】!I8</f>
        <v>0</v>
      </c>
      <c r="I8" s="367"/>
      <c r="J8" s="367">
        <f>【手順１】!K8</f>
        <v>0</v>
      </c>
      <c r="K8" s="367"/>
      <c r="L8" s="367">
        <f>【手順１】!M8</f>
        <v>0</v>
      </c>
      <c r="M8" s="367"/>
      <c r="N8" s="367">
        <f>【手順１】!O8</f>
        <v>0</v>
      </c>
      <c r="O8" s="367"/>
      <c r="P8" s="367">
        <f>【手順１】!Q8</f>
        <v>0</v>
      </c>
      <c r="Q8" s="367"/>
      <c r="R8" s="367">
        <f>【手順１】!S8</f>
        <v>0</v>
      </c>
      <c r="S8" s="367"/>
      <c r="T8" s="367">
        <f>【手順１】!U8</f>
        <v>0</v>
      </c>
      <c r="U8" s="367"/>
      <c r="V8" s="367">
        <f>【手順１】!W8</f>
        <v>0</v>
      </c>
      <c r="W8" s="368"/>
      <c r="X8" s="369">
        <f>【手順１】!Y8</f>
        <v>0</v>
      </c>
      <c r="Y8" s="367"/>
      <c r="Z8" s="367">
        <f>【手順１】!AA8</f>
        <v>0</v>
      </c>
      <c r="AA8" s="367"/>
      <c r="AB8" s="367">
        <f>【手順１】!AC8</f>
        <v>0</v>
      </c>
      <c r="AC8" s="367"/>
      <c r="AD8" s="367">
        <f>【手順１】!AE8</f>
        <v>0</v>
      </c>
      <c r="AE8" s="367"/>
      <c r="AF8" s="367">
        <f>【手順１】!AG8</f>
        <v>0</v>
      </c>
      <c r="AG8" s="367"/>
      <c r="AH8" s="367">
        <f>【手順１】!AI8</f>
        <v>0</v>
      </c>
      <c r="AI8" s="367"/>
      <c r="AJ8" s="367">
        <f>【手順１】!AK8</f>
        <v>0</v>
      </c>
      <c r="AK8" s="367"/>
      <c r="AL8" s="367">
        <f>【手順１】!AM8</f>
        <v>0</v>
      </c>
      <c r="AM8" s="367"/>
      <c r="AN8" s="367">
        <f>【手順１】!AO8</f>
        <v>0</v>
      </c>
      <c r="AO8" s="367"/>
      <c r="AP8" s="367">
        <f>【手順１】!AQ8</f>
        <v>0</v>
      </c>
      <c r="AQ8" s="368"/>
    </row>
    <row r="9" spans="1:43" ht="9" customHeight="1" thickTop="1" x14ac:dyDescent="0.55000000000000004">
      <c r="A9" s="391"/>
      <c r="B9" s="393" t="s">
        <v>0</v>
      </c>
      <c r="C9" s="251" t="str">
        <f>【手順１】!D9</f>
        <v>①ゴールの枠内にシュートをコントロールすること</v>
      </c>
      <c r="D9" s="252">
        <f>【手順１】!E9</f>
        <v>0</v>
      </c>
      <c r="E9" s="253">
        <f>【手順１】!F9</f>
        <v>0</v>
      </c>
      <c r="F9" s="253">
        <f>【手順１】!G9</f>
        <v>0</v>
      </c>
      <c r="G9" s="253">
        <f>【手順１】!H9</f>
        <v>0</v>
      </c>
      <c r="H9" s="253">
        <f>【手順１】!I9</f>
        <v>0</v>
      </c>
      <c r="I9" s="253">
        <f>【手順１】!J9</f>
        <v>0</v>
      </c>
      <c r="J9" s="253">
        <f>【手順１】!K9</f>
        <v>0</v>
      </c>
      <c r="K9" s="253">
        <f>【手順１】!L9</f>
        <v>0</v>
      </c>
      <c r="L9" s="253">
        <f>【手順１】!M9</f>
        <v>0</v>
      </c>
      <c r="M9" s="253">
        <f>【手順１】!N9</f>
        <v>0</v>
      </c>
      <c r="N9" s="253">
        <f>【手順１】!O9</f>
        <v>0</v>
      </c>
      <c r="O9" s="253">
        <f>【手順１】!P9</f>
        <v>0</v>
      </c>
      <c r="P9" s="253">
        <f>【手順１】!Q9</f>
        <v>0</v>
      </c>
      <c r="Q9" s="253">
        <f>【手順１】!R9</f>
        <v>0</v>
      </c>
      <c r="R9" s="253">
        <f>【手順１】!S9</f>
        <v>0</v>
      </c>
      <c r="S9" s="253">
        <f>【手順１】!T9</f>
        <v>0</v>
      </c>
      <c r="T9" s="253">
        <f>【手順１】!U9</f>
        <v>0</v>
      </c>
      <c r="U9" s="253">
        <f>【手順１】!V9</f>
        <v>0</v>
      </c>
      <c r="V9" s="253">
        <f>【手順１】!W9</f>
        <v>0</v>
      </c>
      <c r="W9" s="254">
        <f>【手順１】!X9</f>
        <v>0</v>
      </c>
      <c r="X9" s="255">
        <f>【手順１】!Y9</f>
        <v>0</v>
      </c>
      <c r="Y9" s="253">
        <f>【手順１】!Z9</f>
        <v>0</v>
      </c>
      <c r="Z9" s="253">
        <f>【手順１】!AA9</f>
        <v>0</v>
      </c>
      <c r="AA9" s="253">
        <f>【手順１】!AB9</f>
        <v>0</v>
      </c>
      <c r="AB9" s="253">
        <f>【手順１】!AC9</f>
        <v>0</v>
      </c>
      <c r="AC9" s="253">
        <f>【手順１】!AD9</f>
        <v>0</v>
      </c>
      <c r="AD9" s="253">
        <f>【手順１】!AE9</f>
        <v>0</v>
      </c>
      <c r="AE9" s="253">
        <f>【手順１】!AF9</f>
        <v>0</v>
      </c>
      <c r="AF9" s="253">
        <f>【手順１】!AG9</f>
        <v>0</v>
      </c>
      <c r="AG9" s="253">
        <f>【手順１】!AH9</f>
        <v>0</v>
      </c>
      <c r="AH9" s="253">
        <f>【手順１】!AI9</f>
        <v>0</v>
      </c>
      <c r="AI9" s="253">
        <f>【手順１】!AJ9</f>
        <v>0</v>
      </c>
      <c r="AJ9" s="253">
        <f>【手順１】!AK9</f>
        <v>0</v>
      </c>
      <c r="AK9" s="253">
        <f>【手順１】!AL9</f>
        <v>0</v>
      </c>
      <c r="AL9" s="253">
        <f>【手順１】!AM9</f>
        <v>0</v>
      </c>
      <c r="AM9" s="253">
        <f>【手順１】!AN9</f>
        <v>0</v>
      </c>
      <c r="AN9" s="253">
        <f>【手順１】!AO9</f>
        <v>0</v>
      </c>
      <c r="AO9" s="253">
        <f>【手順１】!AP9</f>
        <v>0</v>
      </c>
      <c r="AP9" s="253">
        <f>【手順１】!AQ9</f>
        <v>0</v>
      </c>
      <c r="AQ9" s="254">
        <f>【手順１】!AR9</f>
        <v>0</v>
      </c>
    </row>
    <row r="10" spans="1:43" ht="9" customHeight="1" x14ac:dyDescent="0.55000000000000004">
      <c r="A10" s="391"/>
      <c r="B10" s="391"/>
      <c r="C10" s="246" t="str">
        <f>【手順１】!D10</f>
        <v>②味方が操作しやすいパスを送ること</v>
      </c>
      <c r="D10" s="243">
        <f>【手順１】!E10</f>
        <v>0</v>
      </c>
      <c r="E10" s="179">
        <f>【手順１】!F10</f>
        <v>0</v>
      </c>
      <c r="F10" s="179">
        <f>【手順１】!G10</f>
        <v>0</v>
      </c>
      <c r="G10" s="179">
        <f>【手順１】!H10</f>
        <v>0</v>
      </c>
      <c r="H10" s="179">
        <f>【手順１】!I10</f>
        <v>0</v>
      </c>
      <c r="I10" s="179">
        <f>【手順１】!J10</f>
        <v>0</v>
      </c>
      <c r="J10" s="179">
        <f>【手順１】!K10</f>
        <v>0</v>
      </c>
      <c r="K10" s="179">
        <f>【手順１】!L10</f>
        <v>0</v>
      </c>
      <c r="L10" s="179">
        <f>【手順１】!M10</f>
        <v>0</v>
      </c>
      <c r="M10" s="179">
        <f>【手順１】!N10</f>
        <v>0</v>
      </c>
      <c r="N10" s="179">
        <f>【手順１】!O10</f>
        <v>0</v>
      </c>
      <c r="O10" s="179">
        <f>【手順１】!P10</f>
        <v>0</v>
      </c>
      <c r="P10" s="179">
        <f>【手順１】!Q10</f>
        <v>0</v>
      </c>
      <c r="Q10" s="179">
        <f>【手順１】!R10</f>
        <v>0</v>
      </c>
      <c r="R10" s="179">
        <f>【手順１】!S10</f>
        <v>0</v>
      </c>
      <c r="S10" s="179">
        <f>【手順１】!T10</f>
        <v>0</v>
      </c>
      <c r="T10" s="179">
        <f>【手順１】!U10</f>
        <v>0</v>
      </c>
      <c r="U10" s="179">
        <f>【手順１】!V10</f>
        <v>0</v>
      </c>
      <c r="V10" s="179">
        <f>【手順１】!W10</f>
        <v>0</v>
      </c>
      <c r="W10" s="180">
        <f>【手順１】!X10</f>
        <v>0</v>
      </c>
      <c r="X10" s="185">
        <f>【手順１】!Y10</f>
        <v>0</v>
      </c>
      <c r="Y10" s="179">
        <f>【手順１】!Z10</f>
        <v>0</v>
      </c>
      <c r="Z10" s="179">
        <f>【手順１】!AA10</f>
        <v>0</v>
      </c>
      <c r="AA10" s="179">
        <f>【手順１】!AB10</f>
        <v>0</v>
      </c>
      <c r="AB10" s="179">
        <f>【手順１】!AC10</f>
        <v>0</v>
      </c>
      <c r="AC10" s="179">
        <f>【手順１】!AD10</f>
        <v>0</v>
      </c>
      <c r="AD10" s="179">
        <f>【手順１】!AE10</f>
        <v>0</v>
      </c>
      <c r="AE10" s="179">
        <f>【手順１】!AF10</f>
        <v>0</v>
      </c>
      <c r="AF10" s="179">
        <f>【手順１】!AG10</f>
        <v>0</v>
      </c>
      <c r="AG10" s="179">
        <f>【手順１】!AH10</f>
        <v>0</v>
      </c>
      <c r="AH10" s="179">
        <f>【手順１】!AI10</f>
        <v>0</v>
      </c>
      <c r="AI10" s="179">
        <f>【手順１】!AJ10</f>
        <v>0</v>
      </c>
      <c r="AJ10" s="179">
        <f>【手順１】!AK10</f>
        <v>0</v>
      </c>
      <c r="AK10" s="179">
        <f>【手順１】!AL10</f>
        <v>0</v>
      </c>
      <c r="AL10" s="179">
        <f>【手順１】!AM10</f>
        <v>0</v>
      </c>
      <c r="AM10" s="179">
        <f>【手順１】!AN10</f>
        <v>0</v>
      </c>
      <c r="AN10" s="179">
        <f>【手順１】!AO10</f>
        <v>0</v>
      </c>
      <c r="AO10" s="179">
        <f>【手順１】!AP10</f>
        <v>0</v>
      </c>
      <c r="AP10" s="179">
        <f>【手順１】!AQ10</f>
        <v>0</v>
      </c>
      <c r="AQ10" s="180">
        <f>【手順１】!AR10</f>
        <v>0</v>
      </c>
    </row>
    <row r="11" spans="1:43" ht="9" customHeight="1" x14ac:dyDescent="0.55000000000000004">
      <c r="A11" s="391"/>
      <c r="B11" s="391"/>
      <c r="C11" s="246" t="str">
        <f>【手順１】!D11</f>
        <v>③守備者とボールの間に自分の体を入れてボールをキープすること</v>
      </c>
      <c r="D11" s="243">
        <f>【手順１】!E11</f>
        <v>0</v>
      </c>
      <c r="E11" s="179">
        <f>【手順１】!F11</f>
        <v>0</v>
      </c>
      <c r="F11" s="179">
        <f>【手順１】!G11</f>
        <v>0</v>
      </c>
      <c r="G11" s="179">
        <f>【手順１】!H11</f>
        <v>0</v>
      </c>
      <c r="H11" s="179">
        <f>【手順１】!I11</f>
        <v>0</v>
      </c>
      <c r="I11" s="179">
        <f>【手順１】!J11</f>
        <v>0</v>
      </c>
      <c r="J11" s="179">
        <f>【手順１】!K11</f>
        <v>0</v>
      </c>
      <c r="K11" s="179">
        <f>【手順１】!L11</f>
        <v>0</v>
      </c>
      <c r="L11" s="179">
        <f>【手順１】!M11</f>
        <v>0</v>
      </c>
      <c r="M11" s="179">
        <f>【手順１】!N11</f>
        <v>0</v>
      </c>
      <c r="N11" s="179">
        <f>【手順１】!O11</f>
        <v>0</v>
      </c>
      <c r="O11" s="179">
        <f>【手順１】!P11</f>
        <v>0</v>
      </c>
      <c r="P11" s="179">
        <f>【手順１】!Q11</f>
        <v>0</v>
      </c>
      <c r="Q11" s="179">
        <f>【手順１】!R11</f>
        <v>0</v>
      </c>
      <c r="R11" s="179">
        <f>【手順１】!S11</f>
        <v>0</v>
      </c>
      <c r="S11" s="179">
        <f>【手順１】!T11</f>
        <v>0</v>
      </c>
      <c r="T11" s="179">
        <f>【手順１】!U11</f>
        <v>0</v>
      </c>
      <c r="U11" s="179">
        <f>【手順１】!V11</f>
        <v>0</v>
      </c>
      <c r="V11" s="179">
        <f>【手順１】!W11</f>
        <v>0</v>
      </c>
      <c r="W11" s="180">
        <f>【手順１】!X11</f>
        <v>0</v>
      </c>
      <c r="X11" s="185">
        <f>【手順１】!Y11</f>
        <v>0</v>
      </c>
      <c r="Y11" s="179">
        <f>【手順１】!Z11</f>
        <v>0</v>
      </c>
      <c r="Z11" s="179">
        <f>【手順１】!AA11</f>
        <v>0</v>
      </c>
      <c r="AA11" s="179">
        <f>【手順１】!AB11</f>
        <v>0</v>
      </c>
      <c r="AB11" s="179">
        <f>【手順１】!AC11</f>
        <v>0</v>
      </c>
      <c r="AC11" s="179">
        <f>【手順１】!AD11</f>
        <v>0</v>
      </c>
      <c r="AD11" s="179">
        <f>【手順１】!AE11</f>
        <v>0</v>
      </c>
      <c r="AE11" s="179">
        <f>【手順１】!AF11</f>
        <v>0</v>
      </c>
      <c r="AF11" s="179">
        <f>【手順１】!AG11</f>
        <v>0</v>
      </c>
      <c r="AG11" s="179">
        <f>【手順１】!AH11</f>
        <v>0</v>
      </c>
      <c r="AH11" s="179">
        <f>【手順１】!AI11</f>
        <v>0</v>
      </c>
      <c r="AI11" s="179">
        <f>【手順１】!AJ11</f>
        <v>0</v>
      </c>
      <c r="AJ11" s="179">
        <f>【手順１】!AK11</f>
        <v>0</v>
      </c>
      <c r="AK11" s="179">
        <f>【手順１】!AL11</f>
        <v>0</v>
      </c>
      <c r="AL11" s="179">
        <f>【手順１】!AM11</f>
        <v>0</v>
      </c>
      <c r="AM11" s="179">
        <f>【手順１】!AN11</f>
        <v>0</v>
      </c>
      <c r="AN11" s="179">
        <f>【手順１】!AO11</f>
        <v>0</v>
      </c>
      <c r="AO11" s="179">
        <f>【手順１】!AP11</f>
        <v>0</v>
      </c>
      <c r="AP11" s="179">
        <f>【手順１】!AQ11</f>
        <v>0</v>
      </c>
      <c r="AQ11" s="180">
        <f>【手順１】!AR11</f>
        <v>0</v>
      </c>
    </row>
    <row r="12" spans="1:43" ht="9" customHeight="1" x14ac:dyDescent="0.55000000000000004">
      <c r="A12" s="391"/>
      <c r="B12" s="391"/>
      <c r="C12" s="246" t="str">
        <f>【手順１】!D12</f>
        <v>④ゴール前に広い空間を作りだすために、守備者を引きつけてゴールから離れること</v>
      </c>
      <c r="D12" s="243">
        <f>【手順１】!E12</f>
        <v>0</v>
      </c>
      <c r="E12" s="179">
        <f>【手順１】!F12</f>
        <v>0</v>
      </c>
      <c r="F12" s="179">
        <f>【手順１】!G12</f>
        <v>0</v>
      </c>
      <c r="G12" s="179">
        <f>【手順１】!H12</f>
        <v>0</v>
      </c>
      <c r="H12" s="179">
        <f>【手順１】!I12</f>
        <v>0</v>
      </c>
      <c r="I12" s="179">
        <f>【手順１】!J12</f>
        <v>0</v>
      </c>
      <c r="J12" s="179">
        <f>【手順１】!K12</f>
        <v>0</v>
      </c>
      <c r="K12" s="179">
        <f>【手順１】!L12</f>
        <v>0</v>
      </c>
      <c r="L12" s="179">
        <f>【手順１】!M12</f>
        <v>0</v>
      </c>
      <c r="M12" s="179">
        <f>【手順１】!N12</f>
        <v>0</v>
      </c>
      <c r="N12" s="179">
        <f>【手順１】!O12</f>
        <v>0</v>
      </c>
      <c r="O12" s="179">
        <f>【手順１】!P12</f>
        <v>0</v>
      </c>
      <c r="P12" s="179">
        <f>【手順１】!Q12</f>
        <v>0</v>
      </c>
      <c r="Q12" s="179">
        <f>【手順１】!R12</f>
        <v>0</v>
      </c>
      <c r="R12" s="179">
        <f>【手順１】!S12</f>
        <v>0</v>
      </c>
      <c r="S12" s="179">
        <f>【手順１】!T12</f>
        <v>0</v>
      </c>
      <c r="T12" s="179">
        <f>【手順１】!U12</f>
        <v>0</v>
      </c>
      <c r="U12" s="179">
        <f>【手順１】!V12</f>
        <v>0</v>
      </c>
      <c r="V12" s="179">
        <f>【手順１】!W12</f>
        <v>0</v>
      </c>
      <c r="W12" s="180">
        <f>【手順１】!X12</f>
        <v>0</v>
      </c>
      <c r="X12" s="185">
        <f>【手順１】!Y12</f>
        <v>0</v>
      </c>
      <c r="Y12" s="179">
        <f>【手順１】!Z12</f>
        <v>0</v>
      </c>
      <c r="Z12" s="179">
        <f>【手順１】!AA12</f>
        <v>0</v>
      </c>
      <c r="AA12" s="179">
        <f>【手順１】!AB12</f>
        <v>0</v>
      </c>
      <c r="AB12" s="179">
        <f>【手順１】!AC12</f>
        <v>0</v>
      </c>
      <c r="AC12" s="179">
        <f>【手順１】!AD12</f>
        <v>0</v>
      </c>
      <c r="AD12" s="179">
        <f>【手順１】!AE12</f>
        <v>0</v>
      </c>
      <c r="AE12" s="179">
        <f>【手順１】!AF12</f>
        <v>0</v>
      </c>
      <c r="AF12" s="179">
        <f>【手順１】!AG12</f>
        <v>0</v>
      </c>
      <c r="AG12" s="179">
        <f>【手順１】!AH12</f>
        <v>0</v>
      </c>
      <c r="AH12" s="179">
        <f>【手順１】!AI12</f>
        <v>0</v>
      </c>
      <c r="AI12" s="179">
        <f>【手順１】!AJ12</f>
        <v>0</v>
      </c>
      <c r="AJ12" s="179">
        <f>【手順１】!AK12</f>
        <v>0</v>
      </c>
      <c r="AK12" s="179">
        <f>【手順１】!AL12</f>
        <v>0</v>
      </c>
      <c r="AL12" s="179">
        <f>【手順１】!AM12</f>
        <v>0</v>
      </c>
      <c r="AM12" s="179">
        <f>【手順１】!AN12</f>
        <v>0</v>
      </c>
      <c r="AN12" s="179">
        <f>【手順１】!AO12</f>
        <v>0</v>
      </c>
      <c r="AO12" s="179">
        <f>【手順１】!AP12</f>
        <v>0</v>
      </c>
      <c r="AP12" s="179">
        <f>【手順１】!AQ12</f>
        <v>0</v>
      </c>
      <c r="AQ12" s="180">
        <f>【手順１】!AR12</f>
        <v>0</v>
      </c>
    </row>
    <row r="13" spans="1:43" ht="9" customHeight="1" x14ac:dyDescent="0.55000000000000004">
      <c r="A13" s="391"/>
      <c r="B13" s="391"/>
      <c r="C13" s="246" t="str">
        <f>【手順１】!D13</f>
        <v>⑤パスを出した後に次のパスを受ける動きをすること</v>
      </c>
      <c r="D13" s="243">
        <f>【手順１】!E13</f>
        <v>0</v>
      </c>
      <c r="E13" s="179">
        <f>【手順１】!F13</f>
        <v>0</v>
      </c>
      <c r="F13" s="179">
        <f>【手順１】!G13</f>
        <v>0</v>
      </c>
      <c r="G13" s="179">
        <f>【手順１】!H13</f>
        <v>0</v>
      </c>
      <c r="H13" s="179">
        <f>【手順１】!I13</f>
        <v>0</v>
      </c>
      <c r="I13" s="179">
        <f>【手順１】!J13</f>
        <v>0</v>
      </c>
      <c r="J13" s="179">
        <f>【手順１】!K13</f>
        <v>0</v>
      </c>
      <c r="K13" s="179">
        <f>【手順１】!L13</f>
        <v>0</v>
      </c>
      <c r="L13" s="179">
        <f>【手順１】!M13</f>
        <v>0</v>
      </c>
      <c r="M13" s="179">
        <f>【手順１】!N13</f>
        <v>0</v>
      </c>
      <c r="N13" s="179">
        <f>【手順１】!O13</f>
        <v>0</v>
      </c>
      <c r="O13" s="179">
        <f>【手順１】!P13</f>
        <v>0</v>
      </c>
      <c r="P13" s="179">
        <f>【手順１】!Q13</f>
        <v>0</v>
      </c>
      <c r="Q13" s="179">
        <f>【手順１】!R13</f>
        <v>0</v>
      </c>
      <c r="R13" s="179">
        <f>【手順１】!S13</f>
        <v>0</v>
      </c>
      <c r="S13" s="179">
        <f>【手順１】!T13</f>
        <v>0</v>
      </c>
      <c r="T13" s="179">
        <f>【手順１】!U13</f>
        <v>0</v>
      </c>
      <c r="U13" s="179">
        <f>【手順１】!V13</f>
        <v>0</v>
      </c>
      <c r="V13" s="179">
        <f>【手順１】!W13</f>
        <v>0</v>
      </c>
      <c r="W13" s="180">
        <f>【手順１】!X13</f>
        <v>0</v>
      </c>
      <c r="X13" s="185">
        <f>【手順１】!Y13</f>
        <v>0</v>
      </c>
      <c r="Y13" s="179">
        <f>【手順１】!Z13</f>
        <v>0</v>
      </c>
      <c r="Z13" s="179">
        <f>【手順１】!AA13</f>
        <v>0</v>
      </c>
      <c r="AA13" s="179">
        <f>【手順１】!AB13</f>
        <v>0</v>
      </c>
      <c r="AB13" s="179">
        <f>【手順１】!AC13</f>
        <v>0</v>
      </c>
      <c r="AC13" s="179">
        <f>【手順１】!AD13</f>
        <v>0</v>
      </c>
      <c r="AD13" s="179">
        <f>【手順１】!AE13</f>
        <v>0</v>
      </c>
      <c r="AE13" s="179">
        <f>【手順１】!AF13</f>
        <v>0</v>
      </c>
      <c r="AF13" s="179">
        <f>【手順１】!AG13</f>
        <v>0</v>
      </c>
      <c r="AG13" s="179">
        <f>【手順１】!AH13</f>
        <v>0</v>
      </c>
      <c r="AH13" s="179">
        <f>【手順１】!AI13</f>
        <v>0</v>
      </c>
      <c r="AI13" s="179">
        <f>【手順１】!AJ13</f>
        <v>0</v>
      </c>
      <c r="AJ13" s="179">
        <f>【手順１】!AK13</f>
        <v>0</v>
      </c>
      <c r="AK13" s="179">
        <f>【手順１】!AL13</f>
        <v>0</v>
      </c>
      <c r="AL13" s="179">
        <f>【手順１】!AM13</f>
        <v>0</v>
      </c>
      <c r="AM13" s="179">
        <f>【手順１】!AN13</f>
        <v>0</v>
      </c>
      <c r="AN13" s="179">
        <f>【手順１】!AO13</f>
        <v>0</v>
      </c>
      <c r="AO13" s="179">
        <f>【手順１】!AP13</f>
        <v>0</v>
      </c>
      <c r="AP13" s="179">
        <f>【手順１】!AQ13</f>
        <v>0</v>
      </c>
      <c r="AQ13" s="180">
        <f>【手順１】!AR13</f>
        <v>0</v>
      </c>
    </row>
    <row r="14" spans="1:43" ht="9" customHeight="1" x14ac:dyDescent="0.55000000000000004">
      <c r="A14" s="391"/>
      <c r="B14" s="391"/>
      <c r="C14" s="246" t="str">
        <f>【手順１】!D14</f>
        <v>⑥ボール保持者が進行できる空間を作りだすために、進行方向から離れること</v>
      </c>
      <c r="D14" s="243">
        <f>【手順１】!E14</f>
        <v>0</v>
      </c>
      <c r="E14" s="179">
        <f>【手順１】!F14</f>
        <v>0</v>
      </c>
      <c r="F14" s="179">
        <f>【手順１】!G14</f>
        <v>0</v>
      </c>
      <c r="G14" s="179">
        <f>【手順１】!H14</f>
        <v>0</v>
      </c>
      <c r="H14" s="179">
        <f>【手順１】!I14</f>
        <v>0</v>
      </c>
      <c r="I14" s="179">
        <f>【手順１】!J14</f>
        <v>0</v>
      </c>
      <c r="J14" s="179">
        <f>【手順１】!K14</f>
        <v>0</v>
      </c>
      <c r="K14" s="179">
        <f>【手順１】!L14</f>
        <v>0</v>
      </c>
      <c r="L14" s="179">
        <f>【手順１】!M14</f>
        <v>0</v>
      </c>
      <c r="M14" s="179">
        <f>【手順１】!N14</f>
        <v>0</v>
      </c>
      <c r="N14" s="179">
        <f>【手順１】!O14</f>
        <v>0</v>
      </c>
      <c r="O14" s="179">
        <f>【手順１】!P14</f>
        <v>0</v>
      </c>
      <c r="P14" s="179">
        <f>【手順１】!Q14</f>
        <v>0</v>
      </c>
      <c r="Q14" s="179">
        <f>【手順１】!R14</f>
        <v>0</v>
      </c>
      <c r="R14" s="179">
        <f>【手順１】!S14</f>
        <v>0</v>
      </c>
      <c r="S14" s="179">
        <f>【手順１】!T14</f>
        <v>0</v>
      </c>
      <c r="T14" s="179">
        <f>【手順１】!U14</f>
        <v>0</v>
      </c>
      <c r="U14" s="179">
        <f>【手順１】!V14</f>
        <v>0</v>
      </c>
      <c r="V14" s="179">
        <f>【手順１】!W14</f>
        <v>0</v>
      </c>
      <c r="W14" s="180">
        <f>【手順１】!X14</f>
        <v>0</v>
      </c>
      <c r="X14" s="185">
        <f>【手順１】!Y14</f>
        <v>0</v>
      </c>
      <c r="Y14" s="179">
        <f>【手順１】!Z14</f>
        <v>0</v>
      </c>
      <c r="Z14" s="179">
        <f>【手順１】!AA14</f>
        <v>0</v>
      </c>
      <c r="AA14" s="179">
        <f>【手順１】!AB14</f>
        <v>0</v>
      </c>
      <c r="AB14" s="179">
        <f>【手順１】!AC14</f>
        <v>0</v>
      </c>
      <c r="AC14" s="179">
        <f>【手順１】!AD14</f>
        <v>0</v>
      </c>
      <c r="AD14" s="179">
        <f>【手順１】!AE14</f>
        <v>0</v>
      </c>
      <c r="AE14" s="179">
        <f>【手順１】!AF14</f>
        <v>0</v>
      </c>
      <c r="AF14" s="179">
        <f>【手順１】!AG14</f>
        <v>0</v>
      </c>
      <c r="AG14" s="179">
        <f>【手順１】!AH14</f>
        <v>0</v>
      </c>
      <c r="AH14" s="179">
        <f>【手順１】!AI14</f>
        <v>0</v>
      </c>
      <c r="AI14" s="179">
        <f>【手順１】!AJ14</f>
        <v>0</v>
      </c>
      <c r="AJ14" s="179">
        <f>【手順１】!AK14</f>
        <v>0</v>
      </c>
      <c r="AK14" s="179">
        <f>【手順１】!AL14</f>
        <v>0</v>
      </c>
      <c r="AL14" s="179">
        <f>【手順１】!AM14</f>
        <v>0</v>
      </c>
      <c r="AM14" s="179">
        <f>【手順１】!AN14</f>
        <v>0</v>
      </c>
      <c r="AN14" s="179">
        <f>【手順１】!AO14</f>
        <v>0</v>
      </c>
      <c r="AO14" s="179">
        <f>【手順１】!AP14</f>
        <v>0</v>
      </c>
      <c r="AP14" s="179">
        <f>【手順１】!AQ14</f>
        <v>0</v>
      </c>
      <c r="AQ14" s="180">
        <f>【手順１】!AR14</f>
        <v>0</v>
      </c>
    </row>
    <row r="15" spans="1:43" ht="9" customHeight="1" x14ac:dyDescent="0.55000000000000004">
      <c r="A15" s="391"/>
      <c r="B15" s="391"/>
      <c r="C15" s="246" t="str">
        <f>【手順１】!D15</f>
        <v>⑦ゴールとボール保持者を結んだ直線上で守ること</v>
      </c>
      <c r="D15" s="243">
        <f>【手順１】!E15</f>
        <v>0</v>
      </c>
      <c r="E15" s="179">
        <f>【手順１】!F15</f>
        <v>0</v>
      </c>
      <c r="F15" s="179">
        <f>【手順１】!G15</f>
        <v>0</v>
      </c>
      <c r="G15" s="179">
        <f>【手順１】!H15</f>
        <v>0</v>
      </c>
      <c r="H15" s="179">
        <f>【手順１】!I15</f>
        <v>0</v>
      </c>
      <c r="I15" s="179">
        <f>【手順１】!J15</f>
        <v>0</v>
      </c>
      <c r="J15" s="179">
        <f>【手順１】!K15</f>
        <v>0</v>
      </c>
      <c r="K15" s="179">
        <f>【手順１】!L15</f>
        <v>0</v>
      </c>
      <c r="L15" s="179">
        <f>【手順１】!M15</f>
        <v>0</v>
      </c>
      <c r="M15" s="179">
        <f>【手順１】!N15</f>
        <v>0</v>
      </c>
      <c r="N15" s="179">
        <f>【手順１】!O15</f>
        <v>0</v>
      </c>
      <c r="O15" s="179">
        <f>【手順１】!P15</f>
        <v>0</v>
      </c>
      <c r="P15" s="179">
        <f>【手順１】!Q15</f>
        <v>0</v>
      </c>
      <c r="Q15" s="179">
        <f>【手順１】!R15</f>
        <v>0</v>
      </c>
      <c r="R15" s="179">
        <f>【手順１】!S15</f>
        <v>0</v>
      </c>
      <c r="S15" s="179">
        <f>【手順１】!T15</f>
        <v>0</v>
      </c>
      <c r="T15" s="179">
        <f>【手順１】!U15</f>
        <v>0</v>
      </c>
      <c r="U15" s="179">
        <f>【手順１】!V15</f>
        <v>0</v>
      </c>
      <c r="V15" s="179">
        <f>【手順１】!W15</f>
        <v>0</v>
      </c>
      <c r="W15" s="180">
        <f>【手順１】!X15</f>
        <v>0</v>
      </c>
      <c r="X15" s="185">
        <f>【手順１】!Y15</f>
        <v>0</v>
      </c>
      <c r="Y15" s="179">
        <f>【手順１】!Z15</f>
        <v>0</v>
      </c>
      <c r="Z15" s="179">
        <f>【手順１】!AA15</f>
        <v>0</v>
      </c>
      <c r="AA15" s="179">
        <f>【手順１】!AB15</f>
        <v>0</v>
      </c>
      <c r="AB15" s="179">
        <f>【手順１】!AC15</f>
        <v>0</v>
      </c>
      <c r="AC15" s="179">
        <f>【手順１】!AD15</f>
        <v>0</v>
      </c>
      <c r="AD15" s="179">
        <f>【手順１】!AE15</f>
        <v>0</v>
      </c>
      <c r="AE15" s="179">
        <f>【手順１】!AF15</f>
        <v>0</v>
      </c>
      <c r="AF15" s="179">
        <f>【手順１】!AG15</f>
        <v>0</v>
      </c>
      <c r="AG15" s="179">
        <f>【手順１】!AH15</f>
        <v>0</v>
      </c>
      <c r="AH15" s="179">
        <f>【手順１】!AI15</f>
        <v>0</v>
      </c>
      <c r="AI15" s="179">
        <f>【手順１】!AJ15</f>
        <v>0</v>
      </c>
      <c r="AJ15" s="179">
        <f>【手順１】!AK15</f>
        <v>0</v>
      </c>
      <c r="AK15" s="179">
        <f>【手順１】!AL15</f>
        <v>0</v>
      </c>
      <c r="AL15" s="179">
        <f>【手順１】!AM15</f>
        <v>0</v>
      </c>
      <c r="AM15" s="179">
        <f>【手順１】!AN15</f>
        <v>0</v>
      </c>
      <c r="AN15" s="179">
        <f>【手順１】!AO15</f>
        <v>0</v>
      </c>
      <c r="AO15" s="179">
        <f>【手順１】!AP15</f>
        <v>0</v>
      </c>
      <c r="AP15" s="179">
        <f>【手順１】!AQ15</f>
        <v>0</v>
      </c>
      <c r="AQ15" s="180">
        <f>【手順１】!AR15</f>
        <v>0</v>
      </c>
    </row>
    <row r="16" spans="1:43" ht="9" customHeight="1" x14ac:dyDescent="0.55000000000000004">
      <c r="A16" s="391"/>
      <c r="B16" s="392"/>
      <c r="C16" s="247" t="str">
        <f>【手順１】!D16</f>
        <v>⑧ゴール前の空いている場所をカバーすること</v>
      </c>
      <c r="D16" s="244">
        <f>【手順１】!E16</f>
        <v>0</v>
      </c>
      <c r="E16" s="181">
        <f>【手順１】!F16</f>
        <v>0</v>
      </c>
      <c r="F16" s="181">
        <f>【手順１】!G16</f>
        <v>0</v>
      </c>
      <c r="G16" s="181">
        <f>【手順１】!H16</f>
        <v>0</v>
      </c>
      <c r="H16" s="181">
        <f>【手順１】!I16</f>
        <v>0</v>
      </c>
      <c r="I16" s="181">
        <f>【手順１】!J16</f>
        <v>0</v>
      </c>
      <c r="J16" s="181">
        <f>【手順１】!K16</f>
        <v>0</v>
      </c>
      <c r="K16" s="181">
        <f>【手順１】!L16</f>
        <v>0</v>
      </c>
      <c r="L16" s="181">
        <f>【手順１】!M16</f>
        <v>0</v>
      </c>
      <c r="M16" s="181">
        <f>【手順１】!N16</f>
        <v>0</v>
      </c>
      <c r="N16" s="181">
        <f>【手順１】!O16</f>
        <v>0</v>
      </c>
      <c r="O16" s="181">
        <f>【手順１】!P16</f>
        <v>0</v>
      </c>
      <c r="P16" s="181">
        <f>【手順１】!Q16</f>
        <v>0</v>
      </c>
      <c r="Q16" s="181">
        <f>【手順１】!R16</f>
        <v>0</v>
      </c>
      <c r="R16" s="181">
        <f>【手順１】!S16</f>
        <v>0</v>
      </c>
      <c r="S16" s="181">
        <f>【手順１】!T16</f>
        <v>0</v>
      </c>
      <c r="T16" s="181">
        <f>【手順１】!U16</f>
        <v>0</v>
      </c>
      <c r="U16" s="181">
        <f>【手順１】!V16</f>
        <v>0</v>
      </c>
      <c r="V16" s="181">
        <f>【手順１】!W16</f>
        <v>0</v>
      </c>
      <c r="W16" s="182">
        <f>【手順１】!X16</f>
        <v>0</v>
      </c>
      <c r="X16" s="183">
        <f>【手順１】!Y16</f>
        <v>0</v>
      </c>
      <c r="Y16" s="181">
        <f>【手順１】!Z16</f>
        <v>0</v>
      </c>
      <c r="Z16" s="181">
        <f>【手順１】!AA16</f>
        <v>0</v>
      </c>
      <c r="AA16" s="181">
        <f>【手順１】!AB16</f>
        <v>0</v>
      </c>
      <c r="AB16" s="181">
        <f>【手順１】!AC16</f>
        <v>0</v>
      </c>
      <c r="AC16" s="181">
        <f>【手順１】!AD16</f>
        <v>0</v>
      </c>
      <c r="AD16" s="181">
        <f>【手順１】!AE16</f>
        <v>0</v>
      </c>
      <c r="AE16" s="181">
        <f>【手順１】!AF16</f>
        <v>0</v>
      </c>
      <c r="AF16" s="181">
        <f>【手順１】!AG16</f>
        <v>0</v>
      </c>
      <c r="AG16" s="181">
        <f>【手順１】!AH16</f>
        <v>0</v>
      </c>
      <c r="AH16" s="181">
        <f>【手順１】!AI16</f>
        <v>0</v>
      </c>
      <c r="AI16" s="181">
        <f>【手順１】!AJ16</f>
        <v>0</v>
      </c>
      <c r="AJ16" s="181">
        <f>【手順１】!AK16</f>
        <v>0</v>
      </c>
      <c r="AK16" s="181">
        <f>【手順１】!AL16</f>
        <v>0</v>
      </c>
      <c r="AL16" s="181">
        <f>【手順１】!AM16</f>
        <v>0</v>
      </c>
      <c r="AM16" s="181">
        <f>【手順１】!AN16</f>
        <v>0</v>
      </c>
      <c r="AN16" s="181">
        <f>【手順１】!AO16</f>
        <v>0</v>
      </c>
      <c r="AO16" s="181">
        <f>【手順１】!AP16</f>
        <v>0</v>
      </c>
      <c r="AP16" s="181">
        <f>【手順１】!AQ16</f>
        <v>0</v>
      </c>
      <c r="AQ16" s="182">
        <f>【手順１】!AR16</f>
        <v>0</v>
      </c>
    </row>
    <row r="17" spans="1:52" ht="26" customHeight="1" x14ac:dyDescent="0.55000000000000004">
      <c r="A17" s="391"/>
      <c r="B17" s="390" t="s">
        <v>2</v>
      </c>
      <c r="C17" s="249" t="str">
        <f>【手順１】!D35</f>
        <v>①選択した運動について、合理的な動きと自己や仲間の動きを比較して、成果や改善すべきポイントとその理由を仲間に伝えること</v>
      </c>
      <c r="D17" s="372">
        <f>【手順１】!E35</f>
        <v>0</v>
      </c>
      <c r="E17" s="364"/>
      <c r="F17" s="364">
        <f>【手順１】!G35</f>
        <v>0</v>
      </c>
      <c r="G17" s="364"/>
      <c r="H17" s="364">
        <f>【手順１】!I35</f>
        <v>0</v>
      </c>
      <c r="I17" s="364"/>
      <c r="J17" s="364">
        <f>【手順１】!K35</f>
        <v>0</v>
      </c>
      <c r="K17" s="364"/>
      <c r="L17" s="364">
        <f>【手順１】!M35</f>
        <v>0</v>
      </c>
      <c r="M17" s="364"/>
      <c r="N17" s="364">
        <f>【手順１】!O35</f>
        <v>0</v>
      </c>
      <c r="O17" s="364"/>
      <c r="P17" s="364">
        <f>【手順１】!Q35</f>
        <v>0</v>
      </c>
      <c r="Q17" s="364"/>
      <c r="R17" s="364">
        <f>【手順１】!S35</f>
        <v>0</v>
      </c>
      <c r="S17" s="364"/>
      <c r="T17" s="364">
        <f>【手順１】!U35</f>
        <v>0</v>
      </c>
      <c r="U17" s="364"/>
      <c r="V17" s="364">
        <f>【手順１】!W35</f>
        <v>0</v>
      </c>
      <c r="W17" s="365"/>
      <c r="X17" s="366">
        <f>【手順１】!Y35</f>
        <v>0</v>
      </c>
      <c r="Y17" s="364"/>
      <c r="Z17" s="364">
        <f>【手順１】!AA35</f>
        <v>0</v>
      </c>
      <c r="AA17" s="364"/>
      <c r="AB17" s="364">
        <f>【手順１】!AC35</f>
        <v>0</v>
      </c>
      <c r="AC17" s="364"/>
      <c r="AD17" s="364">
        <f>【手順１】!AE35</f>
        <v>0</v>
      </c>
      <c r="AE17" s="364"/>
      <c r="AF17" s="364">
        <f>【手順１】!AG35</f>
        <v>0</v>
      </c>
      <c r="AG17" s="364"/>
      <c r="AH17" s="364">
        <f>【手順１】!AI35</f>
        <v>0</v>
      </c>
      <c r="AI17" s="364"/>
      <c r="AJ17" s="364">
        <f>【手順１】!AK35</f>
        <v>0</v>
      </c>
      <c r="AK17" s="364"/>
      <c r="AL17" s="364">
        <f>【手順１】!AM35</f>
        <v>0</v>
      </c>
      <c r="AM17" s="364"/>
      <c r="AN17" s="364">
        <f>【手順１】!AO35</f>
        <v>0</v>
      </c>
      <c r="AO17" s="364"/>
      <c r="AP17" s="364">
        <f>【手順１】!AQ35</f>
        <v>0</v>
      </c>
      <c r="AQ17" s="365"/>
    </row>
    <row r="18" spans="1:52" ht="25.5" customHeight="1" x14ac:dyDescent="0.55000000000000004">
      <c r="A18" s="391"/>
      <c r="B18" s="391"/>
      <c r="C18" s="248" t="str">
        <f>【手順１】!D36</f>
        <v>②自己や仲間の技術的な課題やチームの作戦・戦術についての課題や課題解決に有効な練習方法の選択について、自己の考えを伝えること</v>
      </c>
      <c r="D18" s="356">
        <f>【手順１】!E36</f>
        <v>0</v>
      </c>
      <c r="E18" s="354"/>
      <c r="F18" s="354">
        <f>【手順１】!G36</f>
        <v>0</v>
      </c>
      <c r="G18" s="354"/>
      <c r="H18" s="354">
        <f>【手順１】!I36</f>
        <v>0</v>
      </c>
      <c r="I18" s="354"/>
      <c r="J18" s="354">
        <f>【手順１】!K36</f>
        <v>0</v>
      </c>
      <c r="K18" s="354"/>
      <c r="L18" s="354">
        <f>【手順１】!M36</f>
        <v>0</v>
      </c>
      <c r="M18" s="354"/>
      <c r="N18" s="354">
        <f>【手順１】!O36</f>
        <v>0</v>
      </c>
      <c r="O18" s="354"/>
      <c r="P18" s="354">
        <f>【手順１】!Q36</f>
        <v>0</v>
      </c>
      <c r="Q18" s="354"/>
      <c r="R18" s="354">
        <f>【手順１】!S36</f>
        <v>0</v>
      </c>
      <c r="S18" s="354"/>
      <c r="T18" s="354">
        <f>【手順１】!U36</f>
        <v>0</v>
      </c>
      <c r="U18" s="354"/>
      <c r="V18" s="354">
        <f>【手順１】!W36</f>
        <v>0</v>
      </c>
      <c r="W18" s="355"/>
      <c r="X18" s="363">
        <f>【手順１】!Y36</f>
        <v>0</v>
      </c>
      <c r="Y18" s="354"/>
      <c r="Z18" s="354">
        <f>【手順１】!AA36</f>
        <v>0</v>
      </c>
      <c r="AA18" s="354"/>
      <c r="AB18" s="354">
        <f>【手順１】!AC36</f>
        <v>0</v>
      </c>
      <c r="AC18" s="354"/>
      <c r="AD18" s="354">
        <f>【手順１】!AE36</f>
        <v>0</v>
      </c>
      <c r="AE18" s="354"/>
      <c r="AF18" s="354">
        <f>【手順１】!AG36</f>
        <v>0</v>
      </c>
      <c r="AG18" s="354"/>
      <c r="AH18" s="354">
        <f>【手順１】!AI36</f>
        <v>0</v>
      </c>
      <c r="AI18" s="354"/>
      <c r="AJ18" s="354">
        <f>【手順１】!AK36</f>
        <v>0</v>
      </c>
      <c r="AK18" s="354"/>
      <c r="AL18" s="354">
        <f>【手順１】!AM36</f>
        <v>0</v>
      </c>
      <c r="AM18" s="354"/>
      <c r="AN18" s="354">
        <f>【手順１】!AO36</f>
        <v>0</v>
      </c>
      <c r="AO18" s="354"/>
      <c r="AP18" s="354">
        <f>【手順１】!AQ36</f>
        <v>0</v>
      </c>
      <c r="AQ18" s="355"/>
    </row>
    <row r="19" spans="1:52" ht="9" customHeight="1" x14ac:dyDescent="0.55000000000000004">
      <c r="A19" s="391"/>
      <c r="B19" s="391"/>
      <c r="C19" s="246" t="str">
        <f>【手順１】!D37</f>
        <v>③選択した運動に必要な準備運動や自己が取り組む補助運動を選ぶこと</v>
      </c>
      <c r="D19" s="356">
        <f>【手順１】!E37</f>
        <v>0</v>
      </c>
      <c r="E19" s="354"/>
      <c r="F19" s="354">
        <f>【手順１】!G37</f>
        <v>0</v>
      </c>
      <c r="G19" s="354"/>
      <c r="H19" s="354">
        <f>【手順１】!I37</f>
        <v>0</v>
      </c>
      <c r="I19" s="354"/>
      <c r="J19" s="354">
        <f>【手順１】!K37</f>
        <v>0</v>
      </c>
      <c r="K19" s="354"/>
      <c r="L19" s="354">
        <f>【手順１】!M37</f>
        <v>0</v>
      </c>
      <c r="M19" s="354"/>
      <c r="N19" s="354">
        <f>【手順１】!O37</f>
        <v>0</v>
      </c>
      <c r="O19" s="354"/>
      <c r="P19" s="354">
        <f>【手順１】!Q37</f>
        <v>0</v>
      </c>
      <c r="Q19" s="354"/>
      <c r="R19" s="354">
        <f>【手順１】!S37</f>
        <v>0</v>
      </c>
      <c r="S19" s="354"/>
      <c r="T19" s="354">
        <f>【手順１】!U37</f>
        <v>0</v>
      </c>
      <c r="U19" s="354"/>
      <c r="V19" s="354">
        <f>【手順１】!W37</f>
        <v>0</v>
      </c>
      <c r="W19" s="355"/>
      <c r="X19" s="363">
        <f>【手順１】!Y37</f>
        <v>0</v>
      </c>
      <c r="Y19" s="354"/>
      <c r="Z19" s="354">
        <f>【手順１】!AA37</f>
        <v>0</v>
      </c>
      <c r="AA19" s="354"/>
      <c r="AB19" s="354">
        <f>【手順１】!AC37</f>
        <v>0</v>
      </c>
      <c r="AC19" s="354"/>
      <c r="AD19" s="354">
        <f>【手順１】!AE37</f>
        <v>0</v>
      </c>
      <c r="AE19" s="354"/>
      <c r="AF19" s="354">
        <f>【手順１】!AG37</f>
        <v>0</v>
      </c>
      <c r="AG19" s="354"/>
      <c r="AH19" s="354">
        <f>【手順１】!AI37</f>
        <v>0</v>
      </c>
      <c r="AI19" s="354"/>
      <c r="AJ19" s="354">
        <f>【手順１】!AK37</f>
        <v>0</v>
      </c>
      <c r="AK19" s="354"/>
      <c r="AL19" s="354">
        <f>【手順１】!AM37</f>
        <v>0</v>
      </c>
      <c r="AM19" s="354"/>
      <c r="AN19" s="354">
        <f>【手順１】!AO37</f>
        <v>0</v>
      </c>
      <c r="AO19" s="354"/>
      <c r="AP19" s="354">
        <f>【手順１】!AQ37</f>
        <v>0</v>
      </c>
      <c r="AQ19" s="355"/>
    </row>
    <row r="20" spans="1:52" ht="9" customHeight="1" x14ac:dyDescent="0.55000000000000004">
      <c r="A20" s="391"/>
      <c r="B20" s="391"/>
      <c r="C20" s="246" t="str">
        <f>【手順１】!D38</f>
        <v>④健康や安全を確保するために、体調や環境に応じた適切な練習方法等について振り返ること</v>
      </c>
      <c r="D20" s="356">
        <f>【手順１】!E38</f>
        <v>0</v>
      </c>
      <c r="E20" s="354"/>
      <c r="F20" s="354">
        <f>【手順１】!G38</f>
        <v>0</v>
      </c>
      <c r="G20" s="354"/>
      <c r="H20" s="354">
        <f>【手順１】!I38</f>
        <v>0</v>
      </c>
      <c r="I20" s="354"/>
      <c r="J20" s="354">
        <f>【手順１】!K38</f>
        <v>0</v>
      </c>
      <c r="K20" s="354"/>
      <c r="L20" s="354">
        <f>【手順１】!M38</f>
        <v>0</v>
      </c>
      <c r="M20" s="354"/>
      <c r="N20" s="354">
        <f>【手順１】!O38</f>
        <v>0</v>
      </c>
      <c r="O20" s="354"/>
      <c r="P20" s="354">
        <f>【手順１】!Q38</f>
        <v>0</v>
      </c>
      <c r="Q20" s="354"/>
      <c r="R20" s="354">
        <f>【手順１】!S38</f>
        <v>0</v>
      </c>
      <c r="S20" s="354"/>
      <c r="T20" s="354">
        <f>【手順１】!U38</f>
        <v>0</v>
      </c>
      <c r="U20" s="354"/>
      <c r="V20" s="354">
        <f>【手順１】!W38</f>
        <v>0</v>
      </c>
      <c r="W20" s="355"/>
      <c r="X20" s="363">
        <f>【手順１】!Y38</f>
        <v>0</v>
      </c>
      <c r="Y20" s="354"/>
      <c r="Z20" s="354">
        <f>【手順１】!AA38</f>
        <v>0</v>
      </c>
      <c r="AA20" s="354"/>
      <c r="AB20" s="354">
        <f>【手順１】!AC38</f>
        <v>0</v>
      </c>
      <c r="AC20" s="354"/>
      <c r="AD20" s="354">
        <f>【手順１】!AE38</f>
        <v>0</v>
      </c>
      <c r="AE20" s="354"/>
      <c r="AF20" s="354">
        <f>【手順１】!AG38</f>
        <v>0</v>
      </c>
      <c r="AG20" s="354"/>
      <c r="AH20" s="354">
        <f>【手順１】!AI38</f>
        <v>0</v>
      </c>
      <c r="AI20" s="354"/>
      <c r="AJ20" s="354">
        <f>【手順１】!AK38</f>
        <v>0</v>
      </c>
      <c r="AK20" s="354"/>
      <c r="AL20" s="354">
        <f>【手順１】!AM38</f>
        <v>0</v>
      </c>
      <c r="AM20" s="354"/>
      <c r="AN20" s="354">
        <f>【手順１】!AO38</f>
        <v>0</v>
      </c>
      <c r="AO20" s="354"/>
      <c r="AP20" s="354">
        <f>【手順１】!AQ38</f>
        <v>0</v>
      </c>
      <c r="AQ20" s="355"/>
    </row>
    <row r="21" spans="1:52" ht="24.5" customHeight="1" x14ac:dyDescent="0.55000000000000004">
      <c r="A21" s="391"/>
      <c r="B21" s="391"/>
      <c r="C21" s="246" t="str">
        <f>【手順１】!D39</f>
        <v>⑤ルールを守り競争したり勝敗を受け入れたりする場面で、よりよいマナーや行為について、自己の活動を振り返ること</v>
      </c>
      <c r="D21" s="356">
        <f>【手順１】!E39</f>
        <v>0</v>
      </c>
      <c r="E21" s="354"/>
      <c r="F21" s="354">
        <f>【手順１】!G39</f>
        <v>0</v>
      </c>
      <c r="G21" s="354"/>
      <c r="H21" s="354">
        <f>【手順１】!I39</f>
        <v>0</v>
      </c>
      <c r="I21" s="354"/>
      <c r="J21" s="354">
        <f>【手順１】!K39</f>
        <v>0</v>
      </c>
      <c r="K21" s="354"/>
      <c r="L21" s="354">
        <f>【手順１】!M39</f>
        <v>0</v>
      </c>
      <c r="M21" s="354"/>
      <c r="N21" s="354">
        <f>【手順１】!O39</f>
        <v>0</v>
      </c>
      <c r="O21" s="354"/>
      <c r="P21" s="354">
        <f>【手順１】!Q39</f>
        <v>0</v>
      </c>
      <c r="Q21" s="354"/>
      <c r="R21" s="354">
        <f>【手順１】!S39</f>
        <v>0</v>
      </c>
      <c r="S21" s="354"/>
      <c r="T21" s="354">
        <f>【手順１】!U39</f>
        <v>0</v>
      </c>
      <c r="U21" s="354"/>
      <c r="V21" s="354">
        <f>【手順１】!W39</f>
        <v>0</v>
      </c>
      <c r="W21" s="355"/>
      <c r="X21" s="363">
        <f>【手順１】!Y39</f>
        <v>0</v>
      </c>
      <c r="Y21" s="354"/>
      <c r="Z21" s="354">
        <f>【手順１】!AA39</f>
        <v>0</v>
      </c>
      <c r="AA21" s="354"/>
      <c r="AB21" s="354">
        <f>【手順１】!AC39</f>
        <v>0</v>
      </c>
      <c r="AC21" s="354"/>
      <c r="AD21" s="354">
        <f>【手順１】!AE39</f>
        <v>0</v>
      </c>
      <c r="AE21" s="354"/>
      <c r="AF21" s="354">
        <f>【手順１】!AG39</f>
        <v>0</v>
      </c>
      <c r="AG21" s="354"/>
      <c r="AH21" s="354">
        <f>【手順１】!AI39</f>
        <v>0</v>
      </c>
      <c r="AI21" s="354"/>
      <c r="AJ21" s="354">
        <f>【手順１】!AK39</f>
        <v>0</v>
      </c>
      <c r="AK21" s="354"/>
      <c r="AL21" s="354">
        <f>【手順１】!AM39</f>
        <v>0</v>
      </c>
      <c r="AM21" s="354"/>
      <c r="AN21" s="354">
        <f>【手順１】!AO39</f>
        <v>0</v>
      </c>
      <c r="AO21" s="354"/>
      <c r="AP21" s="354">
        <f>【手順１】!AQ39</f>
        <v>0</v>
      </c>
      <c r="AQ21" s="355"/>
    </row>
    <row r="22" spans="1:52" ht="9" customHeight="1" x14ac:dyDescent="0.55000000000000004">
      <c r="A22" s="391"/>
      <c r="B22" s="391"/>
      <c r="C22" s="246" t="str">
        <f>【手順１】!D40</f>
        <v>⑥チームで分担した役割に関する成果や改善すべきポイントについて、自己の活動を振り返ること</v>
      </c>
      <c r="D22" s="356">
        <f>【手順１】!E40</f>
        <v>0</v>
      </c>
      <c r="E22" s="354"/>
      <c r="F22" s="354">
        <f>【手順１】!G40</f>
        <v>0</v>
      </c>
      <c r="G22" s="354"/>
      <c r="H22" s="354">
        <f>【手順１】!I40</f>
        <v>0</v>
      </c>
      <c r="I22" s="354"/>
      <c r="J22" s="354">
        <f>【手順１】!K40</f>
        <v>0</v>
      </c>
      <c r="K22" s="354"/>
      <c r="L22" s="354">
        <f>【手順１】!M40</f>
        <v>0</v>
      </c>
      <c r="M22" s="354"/>
      <c r="N22" s="354">
        <f>【手順１】!O40</f>
        <v>0</v>
      </c>
      <c r="O22" s="354"/>
      <c r="P22" s="354">
        <f>【手順１】!Q40</f>
        <v>0</v>
      </c>
      <c r="Q22" s="354"/>
      <c r="R22" s="354">
        <f>【手順１】!S40</f>
        <v>0</v>
      </c>
      <c r="S22" s="354"/>
      <c r="T22" s="354">
        <f>【手順１】!U40</f>
        <v>0</v>
      </c>
      <c r="U22" s="354"/>
      <c r="V22" s="354">
        <f>【手順１】!W40</f>
        <v>0</v>
      </c>
      <c r="W22" s="355"/>
      <c r="X22" s="363">
        <f>【手順１】!Y40</f>
        <v>0</v>
      </c>
      <c r="Y22" s="354"/>
      <c r="Z22" s="354">
        <f>【手順１】!AA40</f>
        <v>0</v>
      </c>
      <c r="AA22" s="354"/>
      <c r="AB22" s="354">
        <f>【手順１】!AC40</f>
        <v>0</v>
      </c>
      <c r="AC22" s="354"/>
      <c r="AD22" s="354">
        <f>【手順１】!AE40</f>
        <v>0</v>
      </c>
      <c r="AE22" s="354"/>
      <c r="AF22" s="354">
        <f>【手順１】!AG40</f>
        <v>0</v>
      </c>
      <c r="AG22" s="354"/>
      <c r="AH22" s="354">
        <f>【手順１】!AI40</f>
        <v>0</v>
      </c>
      <c r="AI22" s="354"/>
      <c r="AJ22" s="354">
        <f>【手順１】!AK40</f>
        <v>0</v>
      </c>
      <c r="AK22" s="354"/>
      <c r="AL22" s="354">
        <f>【手順１】!AM40</f>
        <v>0</v>
      </c>
      <c r="AM22" s="354"/>
      <c r="AN22" s="354">
        <f>【手順１】!AO40</f>
        <v>0</v>
      </c>
      <c r="AO22" s="354"/>
      <c r="AP22" s="354">
        <f>【手順１】!AQ40</f>
        <v>0</v>
      </c>
      <c r="AQ22" s="355"/>
    </row>
    <row r="23" spans="1:52" ht="9" customHeight="1" x14ac:dyDescent="0.55000000000000004">
      <c r="A23" s="391"/>
      <c r="B23" s="391"/>
      <c r="C23" s="250" t="str">
        <f>【手順１】!D41</f>
        <v>⑦作戦などの話合いの場面で、合意形成するための関わり方を見付け、仲間に伝えること</v>
      </c>
      <c r="D23" s="356">
        <f>【手順１】!E41</f>
        <v>0</v>
      </c>
      <c r="E23" s="354"/>
      <c r="F23" s="354">
        <f>【手順１】!G41</f>
        <v>0</v>
      </c>
      <c r="G23" s="354"/>
      <c r="H23" s="354">
        <f>【手順１】!I41</f>
        <v>0</v>
      </c>
      <c r="I23" s="354"/>
      <c r="J23" s="354">
        <f>【手順１】!K41</f>
        <v>0</v>
      </c>
      <c r="K23" s="354"/>
      <c r="L23" s="354">
        <f>【手順１】!M41</f>
        <v>0</v>
      </c>
      <c r="M23" s="354"/>
      <c r="N23" s="354">
        <f>【手順１】!O41</f>
        <v>0</v>
      </c>
      <c r="O23" s="354"/>
      <c r="P23" s="354">
        <f>【手順１】!Q41</f>
        <v>0</v>
      </c>
      <c r="Q23" s="354"/>
      <c r="R23" s="354">
        <f>【手順１】!S41</f>
        <v>0</v>
      </c>
      <c r="S23" s="354"/>
      <c r="T23" s="354">
        <f>【手順１】!U41</f>
        <v>0</v>
      </c>
      <c r="U23" s="354"/>
      <c r="V23" s="354">
        <f>【手順１】!W41</f>
        <v>0</v>
      </c>
      <c r="W23" s="355"/>
      <c r="X23" s="363">
        <f>【手順１】!Y41</f>
        <v>0</v>
      </c>
      <c r="Y23" s="354"/>
      <c r="Z23" s="354">
        <f>【手順１】!AA41</f>
        <v>0</v>
      </c>
      <c r="AA23" s="354"/>
      <c r="AB23" s="354">
        <f>【手順１】!AC41</f>
        <v>0</v>
      </c>
      <c r="AC23" s="354"/>
      <c r="AD23" s="354">
        <f>【手順１】!AE41</f>
        <v>0</v>
      </c>
      <c r="AE23" s="354"/>
      <c r="AF23" s="354">
        <f>【手順１】!AG41</f>
        <v>0</v>
      </c>
      <c r="AG23" s="354"/>
      <c r="AH23" s="354">
        <f>【手順１】!AI41</f>
        <v>0</v>
      </c>
      <c r="AI23" s="354"/>
      <c r="AJ23" s="354">
        <f>【手順１】!AK41</f>
        <v>0</v>
      </c>
      <c r="AK23" s="354"/>
      <c r="AL23" s="354">
        <f>【手順１】!AM41</f>
        <v>0</v>
      </c>
      <c r="AM23" s="354"/>
      <c r="AN23" s="354">
        <f>【手順１】!AO41</f>
        <v>0</v>
      </c>
      <c r="AO23" s="354"/>
      <c r="AP23" s="354">
        <f>【手順１】!AQ41</f>
        <v>0</v>
      </c>
      <c r="AQ23" s="355"/>
    </row>
    <row r="24" spans="1:52" ht="24.5" customHeight="1" x14ac:dyDescent="0.55000000000000004">
      <c r="A24" s="391"/>
      <c r="B24" s="391"/>
      <c r="C24" s="250" t="str">
        <f>【手順１】!D42</f>
        <v>⑧体力や技能の程度、性別等の違いに配慮して、仲間とともに球技を楽しむための活動の方法や修正の仕方を見付けること</v>
      </c>
      <c r="D24" s="356">
        <f>【手順１】!E42</f>
        <v>0</v>
      </c>
      <c r="E24" s="354"/>
      <c r="F24" s="354">
        <f>【手順１】!G42</f>
        <v>0</v>
      </c>
      <c r="G24" s="354"/>
      <c r="H24" s="354">
        <f>【手順１】!I42</f>
        <v>0</v>
      </c>
      <c r="I24" s="354"/>
      <c r="J24" s="354">
        <f>【手順１】!K42</f>
        <v>0</v>
      </c>
      <c r="K24" s="354"/>
      <c r="L24" s="354">
        <f>【手順１】!M42</f>
        <v>0</v>
      </c>
      <c r="M24" s="354"/>
      <c r="N24" s="354">
        <f>【手順１】!O42</f>
        <v>0</v>
      </c>
      <c r="O24" s="354"/>
      <c r="P24" s="354">
        <f>【手順１】!Q42</f>
        <v>0</v>
      </c>
      <c r="Q24" s="354"/>
      <c r="R24" s="354">
        <f>【手順１】!S42</f>
        <v>0</v>
      </c>
      <c r="S24" s="354"/>
      <c r="T24" s="354">
        <f>【手順１】!U42</f>
        <v>0</v>
      </c>
      <c r="U24" s="354"/>
      <c r="V24" s="354">
        <f>【手順１】!W42</f>
        <v>0</v>
      </c>
      <c r="W24" s="355"/>
      <c r="X24" s="363">
        <f>【手順１】!Y42</f>
        <v>0</v>
      </c>
      <c r="Y24" s="354"/>
      <c r="Z24" s="354">
        <f>【手順１】!AA42</f>
        <v>0</v>
      </c>
      <c r="AA24" s="354"/>
      <c r="AB24" s="354">
        <f>【手順１】!AC42</f>
        <v>0</v>
      </c>
      <c r="AC24" s="354"/>
      <c r="AD24" s="354">
        <f>【手順１】!AE42</f>
        <v>0</v>
      </c>
      <c r="AE24" s="354"/>
      <c r="AF24" s="354">
        <f>【手順１】!AG42</f>
        <v>0</v>
      </c>
      <c r="AG24" s="354"/>
      <c r="AH24" s="354">
        <f>【手順１】!AI42</f>
        <v>0</v>
      </c>
      <c r="AI24" s="354"/>
      <c r="AJ24" s="354">
        <f>【手順１】!AK42</f>
        <v>0</v>
      </c>
      <c r="AK24" s="354"/>
      <c r="AL24" s="354">
        <f>【手順１】!AM42</f>
        <v>0</v>
      </c>
      <c r="AM24" s="354"/>
      <c r="AN24" s="354">
        <f>【手順１】!AO42</f>
        <v>0</v>
      </c>
      <c r="AO24" s="354"/>
      <c r="AP24" s="354">
        <f>【手順１】!AQ42</f>
        <v>0</v>
      </c>
      <c r="AQ24" s="355"/>
    </row>
    <row r="25" spans="1:52" ht="26" customHeight="1" x14ac:dyDescent="0.55000000000000004">
      <c r="A25" s="391"/>
      <c r="B25" s="392"/>
      <c r="C25" s="247" t="str">
        <f>【手順１】!D43</f>
        <v>⑨球技の学習成果を踏まえて、自己に適した「する、みる、支える、知る」などの運動を継続して楽しむための関わり方を見付けること</v>
      </c>
      <c r="D25" s="373">
        <f>【手順１】!E43</f>
        <v>0</v>
      </c>
      <c r="E25" s="360"/>
      <c r="F25" s="360">
        <f>【手順１】!G43</f>
        <v>0</v>
      </c>
      <c r="G25" s="360"/>
      <c r="H25" s="360">
        <f>【手順１】!I43</f>
        <v>0</v>
      </c>
      <c r="I25" s="360"/>
      <c r="J25" s="360">
        <f>【手順１】!K43</f>
        <v>0</v>
      </c>
      <c r="K25" s="360"/>
      <c r="L25" s="360">
        <f>【手順１】!M43</f>
        <v>0</v>
      </c>
      <c r="M25" s="360"/>
      <c r="N25" s="360">
        <f>【手順１】!O43</f>
        <v>0</v>
      </c>
      <c r="O25" s="360"/>
      <c r="P25" s="360">
        <f>【手順１】!Q43</f>
        <v>0</v>
      </c>
      <c r="Q25" s="360"/>
      <c r="R25" s="360">
        <f>【手順１】!S43</f>
        <v>0</v>
      </c>
      <c r="S25" s="360"/>
      <c r="T25" s="360">
        <f>【手順１】!U43</f>
        <v>0</v>
      </c>
      <c r="U25" s="360"/>
      <c r="V25" s="360">
        <f>【手順１】!W43</f>
        <v>0</v>
      </c>
      <c r="W25" s="361"/>
      <c r="X25" s="362">
        <f>【手順１】!Y43</f>
        <v>0</v>
      </c>
      <c r="Y25" s="360"/>
      <c r="Z25" s="360">
        <f>【手順１】!AA43</f>
        <v>0</v>
      </c>
      <c r="AA25" s="360"/>
      <c r="AB25" s="360">
        <f>【手順１】!AC43</f>
        <v>0</v>
      </c>
      <c r="AC25" s="360"/>
      <c r="AD25" s="360">
        <f>【手順１】!AE43</f>
        <v>0</v>
      </c>
      <c r="AE25" s="360"/>
      <c r="AF25" s="360">
        <f>【手順１】!AG43</f>
        <v>0</v>
      </c>
      <c r="AG25" s="360"/>
      <c r="AH25" s="360">
        <f>【手順１】!AI43</f>
        <v>0</v>
      </c>
      <c r="AI25" s="360"/>
      <c r="AJ25" s="360">
        <f>【手順１】!AK43</f>
        <v>0</v>
      </c>
      <c r="AK25" s="360"/>
      <c r="AL25" s="360">
        <f>【手順１】!AM43</f>
        <v>0</v>
      </c>
      <c r="AM25" s="360"/>
      <c r="AN25" s="360">
        <f>【手順１】!AO43</f>
        <v>0</v>
      </c>
      <c r="AO25" s="360"/>
      <c r="AP25" s="360">
        <f>【手順１】!AQ43</f>
        <v>0</v>
      </c>
      <c r="AQ25" s="361"/>
    </row>
    <row r="26" spans="1:52" ht="9" customHeight="1" x14ac:dyDescent="0.55000000000000004">
      <c r="A26" s="391"/>
      <c r="B26" s="394" t="s">
        <v>337</v>
      </c>
      <c r="C26" s="245" t="str">
        <f>【手順１】!D44</f>
        <v>①球技の学習に自主的に取り組もうとすること</v>
      </c>
      <c r="D26" s="372">
        <f>【手順１】!E44</f>
        <v>0</v>
      </c>
      <c r="E26" s="364"/>
      <c r="F26" s="364">
        <f>【手順１】!G44</f>
        <v>0</v>
      </c>
      <c r="G26" s="364"/>
      <c r="H26" s="364">
        <f>【手順１】!I44</f>
        <v>0</v>
      </c>
      <c r="I26" s="364"/>
      <c r="J26" s="364">
        <f>【手順１】!K44</f>
        <v>0</v>
      </c>
      <c r="K26" s="364"/>
      <c r="L26" s="364">
        <f>【手順１】!M44</f>
        <v>0</v>
      </c>
      <c r="M26" s="364"/>
      <c r="N26" s="364">
        <f>【手順１】!O44</f>
        <v>0</v>
      </c>
      <c r="O26" s="364"/>
      <c r="P26" s="364">
        <f>【手順１】!Q44</f>
        <v>0</v>
      </c>
      <c r="Q26" s="364"/>
      <c r="R26" s="364">
        <f>【手順１】!S44</f>
        <v>0</v>
      </c>
      <c r="S26" s="364"/>
      <c r="T26" s="364">
        <f>【手順１】!U44</f>
        <v>0</v>
      </c>
      <c r="U26" s="364"/>
      <c r="V26" s="364">
        <f>【手順１】!W44</f>
        <v>0</v>
      </c>
      <c r="W26" s="365"/>
      <c r="X26" s="359">
        <f>【手順１】!Y44</f>
        <v>0</v>
      </c>
      <c r="Y26" s="357"/>
      <c r="Z26" s="357">
        <f>【手順１】!AA44</f>
        <v>0</v>
      </c>
      <c r="AA26" s="357"/>
      <c r="AB26" s="357">
        <f>【手順１】!AC44</f>
        <v>0</v>
      </c>
      <c r="AC26" s="357"/>
      <c r="AD26" s="357">
        <f>【手順１】!AE44</f>
        <v>0</v>
      </c>
      <c r="AE26" s="357"/>
      <c r="AF26" s="357">
        <f>【手順１】!AG44</f>
        <v>0</v>
      </c>
      <c r="AG26" s="357"/>
      <c r="AH26" s="357">
        <f>【手順１】!AI44</f>
        <v>0</v>
      </c>
      <c r="AI26" s="357"/>
      <c r="AJ26" s="357">
        <f>【手順１】!AK44</f>
        <v>0</v>
      </c>
      <c r="AK26" s="357"/>
      <c r="AL26" s="357">
        <f>【手順１】!AM44</f>
        <v>0</v>
      </c>
      <c r="AM26" s="357"/>
      <c r="AN26" s="357">
        <f>【手順１】!AO44</f>
        <v>0</v>
      </c>
      <c r="AO26" s="357"/>
      <c r="AP26" s="357">
        <f>【手順１】!AQ44</f>
        <v>0</v>
      </c>
      <c r="AQ26" s="358"/>
    </row>
    <row r="27" spans="1:52" ht="9" customHeight="1" x14ac:dyDescent="0.55000000000000004">
      <c r="A27" s="391"/>
      <c r="B27" s="395"/>
      <c r="C27" s="246" t="str">
        <f>【手順１】!D45</f>
        <v>②相手を尊重するなどのフェアなプレイを大切にしようとすること</v>
      </c>
      <c r="D27" s="356">
        <f>【手順１】!E45</f>
        <v>0</v>
      </c>
      <c r="E27" s="354"/>
      <c r="F27" s="354">
        <f>【手順１】!G45</f>
        <v>0</v>
      </c>
      <c r="G27" s="354"/>
      <c r="H27" s="354">
        <f>【手順１】!I45</f>
        <v>0</v>
      </c>
      <c r="I27" s="354"/>
      <c r="J27" s="354">
        <f>【手順１】!K45</f>
        <v>0</v>
      </c>
      <c r="K27" s="354"/>
      <c r="L27" s="354">
        <f>【手順１】!M45</f>
        <v>0</v>
      </c>
      <c r="M27" s="354"/>
      <c r="N27" s="354">
        <f>【手順１】!O45</f>
        <v>0</v>
      </c>
      <c r="O27" s="354"/>
      <c r="P27" s="354">
        <f>【手順１】!Q45</f>
        <v>0</v>
      </c>
      <c r="Q27" s="354"/>
      <c r="R27" s="354">
        <f>【手順１】!S45</f>
        <v>0</v>
      </c>
      <c r="S27" s="354"/>
      <c r="T27" s="354">
        <f>【手順１】!U45</f>
        <v>0</v>
      </c>
      <c r="U27" s="354"/>
      <c r="V27" s="354">
        <f>【手順１】!W45</f>
        <v>0</v>
      </c>
      <c r="W27" s="355"/>
      <c r="X27" s="356">
        <f>【手順１】!Y45</f>
        <v>0</v>
      </c>
      <c r="Y27" s="354"/>
      <c r="Z27" s="354">
        <f>【手順１】!AA45</f>
        <v>0</v>
      </c>
      <c r="AA27" s="354"/>
      <c r="AB27" s="354">
        <f>【手順１】!AC45</f>
        <v>0</v>
      </c>
      <c r="AC27" s="354"/>
      <c r="AD27" s="354">
        <f>【手順１】!AE45</f>
        <v>0</v>
      </c>
      <c r="AE27" s="354"/>
      <c r="AF27" s="354">
        <f>【手順１】!AG45</f>
        <v>0</v>
      </c>
      <c r="AG27" s="354"/>
      <c r="AH27" s="354">
        <f>【手順１】!AI45</f>
        <v>0</v>
      </c>
      <c r="AI27" s="354"/>
      <c r="AJ27" s="354">
        <f>【手順１】!AK45</f>
        <v>0</v>
      </c>
      <c r="AK27" s="354"/>
      <c r="AL27" s="354">
        <f>【手順１】!AM45</f>
        <v>0</v>
      </c>
      <c r="AM27" s="354"/>
      <c r="AN27" s="354">
        <f>【手順１】!AO45</f>
        <v>0</v>
      </c>
      <c r="AO27" s="354"/>
      <c r="AP27" s="354">
        <f>【手順１】!AQ45</f>
        <v>0</v>
      </c>
      <c r="AQ27" s="355"/>
    </row>
    <row r="28" spans="1:52" ht="9" customHeight="1" x14ac:dyDescent="0.55000000000000004">
      <c r="A28" s="391"/>
      <c r="B28" s="395"/>
      <c r="C28" s="246" t="str">
        <f>【手順１】!D46</f>
        <v>③作戦などについての話合いに貢献しようとすること</v>
      </c>
      <c r="D28" s="356">
        <f>【手順１】!E46</f>
        <v>0</v>
      </c>
      <c r="E28" s="354"/>
      <c r="F28" s="354">
        <f>【手順１】!G46</f>
        <v>0</v>
      </c>
      <c r="G28" s="354"/>
      <c r="H28" s="354">
        <f>【手順１】!I46</f>
        <v>0</v>
      </c>
      <c r="I28" s="354"/>
      <c r="J28" s="354">
        <f>【手順１】!K46</f>
        <v>0</v>
      </c>
      <c r="K28" s="354"/>
      <c r="L28" s="354">
        <f>【手順１】!M46</f>
        <v>0</v>
      </c>
      <c r="M28" s="354"/>
      <c r="N28" s="354">
        <f>【手順１】!O46</f>
        <v>0</v>
      </c>
      <c r="O28" s="354"/>
      <c r="P28" s="354">
        <f>【手順１】!Q46</f>
        <v>0</v>
      </c>
      <c r="Q28" s="354"/>
      <c r="R28" s="354">
        <f>【手順１】!S46</f>
        <v>0</v>
      </c>
      <c r="S28" s="354"/>
      <c r="T28" s="354">
        <f>【手順１】!U46</f>
        <v>0</v>
      </c>
      <c r="U28" s="354"/>
      <c r="V28" s="354">
        <f>【手順１】!W46</f>
        <v>0</v>
      </c>
      <c r="W28" s="355"/>
      <c r="X28" s="356">
        <f>【手順１】!Y46</f>
        <v>0</v>
      </c>
      <c r="Y28" s="354"/>
      <c r="Z28" s="354">
        <f>【手順１】!AA46</f>
        <v>0</v>
      </c>
      <c r="AA28" s="354"/>
      <c r="AB28" s="354">
        <f>【手順１】!AC46</f>
        <v>0</v>
      </c>
      <c r="AC28" s="354"/>
      <c r="AD28" s="354">
        <f>【手順１】!AE46</f>
        <v>0</v>
      </c>
      <c r="AE28" s="354"/>
      <c r="AF28" s="354">
        <f>【手順１】!AG46</f>
        <v>0</v>
      </c>
      <c r="AG28" s="354"/>
      <c r="AH28" s="354">
        <f>【手順１】!AI46</f>
        <v>0</v>
      </c>
      <c r="AI28" s="354"/>
      <c r="AJ28" s="354">
        <f>【手順１】!AK46</f>
        <v>0</v>
      </c>
      <c r="AK28" s="354"/>
      <c r="AL28" s="354">
        <f>【手順１】!AM46</f>
        <v>0</v>
      </c>
      <c r="AM28" s="354"/>
      <c r="AN28" s="354">
        <f>【手順１】!AO46</f>
        <v>0</v>
      </c>
      <c r="AO28" s="354"/>
      <c r="AP28" s="354">
        <f>【手順１】!AQ46</f>
        <v>0</v>
      </c>
      <c r="AQ28" s="355"/>
    </row>
    <row r="29" spans="1:52" ht="9" customHeight="1" x14ac:dyDescent="0.55000000000000004">
      <c r="A29" s="391"/>
      <c r="B29" s="395"/>
      <c r="C29" s="250" t="str">
        <f>【手順１】!D47</f>
        <v>④一人一人の違いに応じた課題や挑戦及び修正などを大切にしようとすること</v>
      </c>
      <c r="D29" s="356">
        <f>【手順１】!E47</f>
        <v>0</v>
      </c>
      <c r="E29" s="354"/>
      <c r="F29" s="354">
        <f>【手順１】!G47</f>
        <v>0</v>
      </c>
      <c r="G29" s="354"/>
      <c r="H29" s="354">
        <f>【手順１】!I47</f>
        <v>0</v>
      </c>
      <c r="I29" s="354"/>
      <c r="J29" s="354">
        <f>【手順１】!K47</f>
        <v>0</v>
      </c>
      <c r="K29" s="354"/>
      <c r="L29" s="354">
        <f>【手順１】!M47</f>
        <v>0</v>
      </c>
      <c r="M29" s="354"/>
      <c r="N29" s="354">
        <f>【手順１】!O47</f>
        <v>0</v>
      </c>
      <c r="O29" s="354"/>
      <c r="P29" s="354">
        <f>【手順１】!Q47</f>
        <v>0</v>
      </c>
      <c r="Q29" s="354"/>
      <c r="R29" s="354">
        <f>【手順１】!S47</f>
        <v>0</v>
      </c>
      <c r="S29" s="354"/>
      <c r="T29" s="354">
        <f>【手順１】!U47</f>
        <v>0</v>
      </c>
      <c r="U29" s="354"/>
      <c r="V29" s="354">
        <f>【手順１】!W47</f>
        <v>0</v>
      </c>
      <c r="W29" s="355"/>
      <c r="X29" s="356">
        <f>【手順１】!Y47</f>
        <v>0</v>
      </c>
      <c r="Y29" s="354"/>
      <c r="Z29" s="354">
        <f>【手順１】!AA47</f>
        <v>0</v>
      </c>
      <c r="AA29" s="354"/>
      <c r="AB29" s="354">
        <f>【手順１】!AC47</f>
        <v>0</v>
      </c>
      <c r="AC29" s="354"/>
      <c r="AD29" s="354">
        <f>【手順１】!AE47</f>
        <v>0</v>
      </c>
      <c r="AE29" s="354"/>
      <c r="AF29" s="354">
        <f>【手順１】!AG47</f>
        <v>0</v>
      </c>
      <c r="AG29" s="354"/>
      <c r="AH29" s="354">
        <f>【手順１】!AI47</f>
        <v>0</v>
      </c>
      <c r="AI29" s="354"/>
      <c r="AJ29" s="354">
        <f>【手順１】!AK47</f>
        <v>0</v>
      </c>
      <c r="AK29" s="354"/>
      <c r="AL29" s="354">
        <f>【手順１】!AM47</f>
        <v>0</v>
      </c>
      <c r="AM29" s="354"/>
      <c r="AN29" s="354">
        <f>【手順１】!AO47</f>
        <v>0</v>
      </c>
      <c r="AO29" s="354"/>
      <c r="AP29" s="354">
        <f>【手順１】!AQ47</f>
        <v>0</v>
      </c>
      <c r="AQ29" s="355"/>
    </row>
    <row r="30" spans="1:52" ht="9" customHeight="1" x14ac:dyDescent="0.55000000000000004">
      <c r="A30" s="391"/>
      <c r="B30" s="395"/>
      <c r="C30" s="250" t="str">
        <f>【手順１】!D48</f>
        <v>⑤互いに練習相手になったり仲間に助言したりして、互いに助け合い教え合おうとすること</v>
      </c>
      <c r="D30" s="356">
        <f>【手順１】!E48</f>
        <v>0</v>
      </c>
      <c r="E30" s="354"/>
      <c r="F30" s="354">
        <f>【手順１】!G48</f>
        <v>0</v>
      </c>
      <c r="G30" s="354"/>
      <c r="H30" s="354">
        <f>【手順１】!I48</f>
        <v>0</v>
      </c>
      <c r="I30" s="354"/>
      <c r="J30" s="354">
        <f>【手順１】!K48</f>
        <v>0</v>
      </c>
      <c r="K30" s="354"/>
      <c r="L30" s="354">
        <f>【手順１】!M48</f>
        <v>0</v>
      </c>
      <c r="M30" s="354"/>
      <c r="N30" s="354">
        <f>【手順１】!O48</f>
        <v>0</v>
      </c>
      <c r="O30" s="354"/>
      <c r="P30" s="354">
        <f>【手順１】!Q48</f>
        <v>0</v>
      </c>
      <c r="Q30" s="354"/>
      <c r="R30" s="354">
        <f>【手順１】!S48</f>
        <v>0</v>
      </c>
      <c r="S30" s="354"/>
      <c r="T30" s="354">
        <f>【手順１】!U48</f>
        <v>0</v>
      </c>
      <c r="U30" s="354"/>
      <c r="V30" s="354">
        <f>【手順１】!W48</f>
        <v>0</v>
      </c>
      <c r="W30" s="355"/>
      <c r="X30" s="356">
        <f>【手順１】!Y48</f>
        <v>0</v>
      </c>
      <c r="Y30" s="354"/>
      <c r="Z30" s="354">
        <f>【手順１】!AA48</f>
        <v>0</v>
      </c>
      <c r="AA30" s="354"/>
      <c r="AB30" s="354">
        <f>【手順１】!AC48</f>
        <v>0</v>
      </c>
      <c r="AC30" s="354"/>
      <c r="AD30" s="354">
        <f>【手順１】!AE48</f>
        <v>0</v>
      </c>
      <c r="AE30" s="354"/>
      <c r="AF30" s="354">
        <f>【手順１】!AG48</f>
        <v>0</v>
      </c>
      <c r="AG30" s="354"/>
      <c r="AH30" s="354">
        <f>【手順１】!AI48</f>
        <v>0</v>
      </c>
      <c r="AI30" s="354"/>
      <c r="AJ30" s="354">
        <f>【手順１】!AK48</f>
        <v>0</v>
      </c>
      <c r="AK30" s="354"/>
      <c r="AL30" s="354">
        <f>【手順１】!AM48</f>
        <v>0</v>
      </c>
      <c r="AM30" s="354"/>
      <c r="AN30" s="354">
        <f>【手順１】!AO48</f>
        <v>0</v>
      </c>
      <c r="AO30" s="354"/>
      <c r="AP30" s="354">
        <f>【手順１】!AQ48</f>
        <v>0</v>
      </c>
      <c r="AQ30" s="355"/>
    </row>
    <row r="31" spans="1:52" ht="9" customHeight="1" thickBot="1" x14ac:dyDescent="0.6">
      <c r="A31" s="392"/>
      <c r="B31" s="396"/>
      <c r="C31" s="247" t="str">
        <f>【手順１】!D49</f>
        <v>⑥健康・安全を確保すること</v>
      </c>
      <c r="D31" s="353">
        <f>【手順１】!E49</f>
        <v>0</v>
      </c>
      <c r="E31" s="351"/>
      <c r="F31" s="351">
        <f>【手順１】!G49</f>
        <v>0</v>
      </c>
      <c r="G31" s="351"/>
      <c r="H31" s="351">
        <f>【手順１】!I49</f>
        <v>0</v>
      </c>
      <c r="I31" s="351"/>
      <c r="J31" s="351">
        <f>【手順１】!K49</f>
        <v>0</v>
      </c>
      <c r="K31" s="351"/>
      <c r="L31" s="351">
        <f>【手順１】!M49</f>
        <v>0</v>
      </c>
      <c r="M31" s="351"/>
      <c r="N31" s="351">
        <f>【手順１】!O49</f>
        <v>0</v>
      </c>
      <c r="O31" s="351"/>
      <c r="P31" s="351">
        <f>【手順１】!Q49</f>
        <v>0</v>
      </c>
      <c r="Q31" s="351"/>
      <c r="R31" s="351">
        <f>【手順１】!S49</f>
        <v>0</v>
      </c>
      <c r="S31" s="351"/>
      <c r="T31" s="351">
        <f>【手順１】!U49</f>
        <v>0</v>
      </c>
      <c r="U31" s="351"/>
      <c r="V31" s="351">
        <f>【手順１】!W49</f>
        <v>0</v>
      </c>
      <c r="W31" s="352"/>
      <c r="X31" s="353">
        <f>【手順１】!Y49</f>
        <v>0</v>
      </c>
      <c r="Y31" s="351"/>
      <c r="Z31" s="351">
        <f>【手順１】!AA49</f>
        <v>0</v>
      </c>
      <c r="AA31" s="351"/>
      <c r="AB31" s="351">
        <f>【手順１】!AC49</f>
        <v>0</v>
      </c>
      <c r="AC31" s="351"/>
      <c r="AD31" s="351">
        <f>【手順１】!AE49</f>
        <v>0</v>
      </c>
      <c r="AE31" s="351"/>
      <c r="AF31" s="351">
        <f>【手順１】!AG49</f>
        <v>0</v>
      </c>
      <c r="AG31" s="351"/>
      <c r="AH31" s="351">
        <f>【手順１】!AI49</f>
        <v>0</v>
      </c>
      <c r="AI31" s="351"/>
      <c r="AJ31" s="351">
        <f>【手順１】!AK49</f>
        <v>0</v>
      </c>
      <c r="AK31" s="351"/>
      <c r="AL31" s="351">
        <f>【手順１】!AM49</f>
        <v>0</v>
      </c>
      <c r="AM31" s="351"/>
      <c r="AN31" s="351">
        <f>【手順１】!AO49</f>
        <v>0</v>
      </c>
      <c r="AO31" s="351"/>
      <c r="AP31" s="351">
        <f>【手順１】!AQ49</f>
        <v>0</v>
      </c>
      <c r="AQ31" s="352"/>
    </row>
    <row r="32" spans="1:52" ht="24" customHeight="1" thickTop="1" x14ac:dyDescent="0.55000000000000004">
      <c r="A32" s="390" t="s">
        <v>4</v>
      </c>
      <c r="B32" s="397" t="s">
        <v>1</v>
      </c>
      <c r="C32" s="398"/>
      <c r="D32" s="348"/>
      <c r="E32" s="346"/>
      <c r="F32" s="346"/>
      <c r="G32" s="346"/>
      <c r="H32" s="346"/>
      <c r="I32" s="346"/>
      <c r="J32" s="346"/>
      <c r="K32" s="346"/>
      <c r="L32" s="346"/>
      <c r="M32" s="346"/>
      <c r="N32" s="346"/>
      <c r="O32" s="346"/>
      <c r="P32" s="346"/>
      <c r="Q32" s="346"/>
      <c r="R32" s="346"/>
      <c r="S32" s="346"/>
      <c r="T32" s="346"/>
      <c r="U32" s="346"/>
      <c r="V32" s="346"/>
      <c r="W32" s="347"/>
      <c r="X32" s="348"/>
      <c r="Y32" s="346"/>
      <c r="Z32" s="346"/>
      <c r="AA32" s="346"/>
      <c r="AB32" s="346"/>
      <c r="AC32" s="346"/>
      <c r="AD32" s="346"/>
      <c r="AE32" s="346"/>
      <c r="AF32" s="346"/>
      <c r="AG32" s="346"/>
      <c r="AH32" s="346"/>
      <c r="AI32" s="346"/>
      <c r="AJ32" s="346"/>
      <c r="AK32" s="346"/>
      <c r="AL32" s="346"/>
      <c r="AM32" s="346"/>
      <c r="AN32" s="346"/>
      <c r="AO32" s="346"/>
      <c r="AP32" s="346"/>
      <c r="AQ32" s="347"/>
      <c r="AR32" s="205"/>
      <c r="AS32" s="205"/>
      <c r="AT32" s="205"/>
      <c r="AU32" s="205"/>
      <c r="AV32" s="205"/>
      <c r="AW32" s="205"/>
      <c r="AX32" s="205"/>
      <c r="AY32" s="205"/>
      <c r="AZ32" s="205"/>
    </row>
    <row r="33" spans="1:52" ht="24" customHeight="1" x14ac:dyDescent="0.55000000000000004">
      <c r="A33" s="391"/>
      <c r="B33" s="397" t="s">
        <v>0</v>
      </c>
      <c r="C33" s="398"/>
      <c r="D33" s="229"/>
      <c r="E33" s="228"/>
      <c r="F33" s="228"/>
      <c r="G33" s="228"/>
      <c r="H33" s="228"/>
      <c r="I33" s="228"/>
      <c r="J33" s="228"/>
      <c r="K33" s="228"/>
      <c r="L33" s="228"/>
      <c r="M33" s="228"/>
      <c r="N33" s="228"/>
      <c r="O33" s="228"/>
      <c r="P33" s="228"/>
      <c r="Q33" s="228"/>
      <c r="R33" s="228"/>
      <c r="S33" s="228"/>
      <c r="T33" s="228"/>
      <c r="U33" s="228"/>
      <c r="V33" s="228"/>
      <c r="W33" s="230"/>
      <c r="X33" s="229"/>
      <c r="Y33" s="228"/>
      <c r="Z33" s="228"/>
      <c r="AA33" s="228"/>
      <c r="AB33" s="228"/>
      <c r="AC33" s="228"/>
      <c r="AD33" s="228"/>
      <c r="AE33" s="228"/>
      <c r="AF33" s="228"/>
      <c r="AG33" s="228"/>
      <c r="AH33" s="228"/>
      <c r="AI33" s="228"/>
      <c r="AJ33" s="228"/>
      <c r="AK33" s="228"/>
      <c r="AL33" s="228"/>
      <c r="AM33" s="228"/>
      <c r="AN33" s="228"/>
      <c r="AO33" s="228"/>
      <c r="AP33" s="228"/>
      <c r="AQ33" s="230"/>
      <c r="AR33" s="205"/>
      <c r="AS33" s="205"/>
      <c r="AT33" s="205"/>
      <c r="AU33" s="205"/>
      <c r="AV33" s="205"/>
      <c r="AW33" s="205"/>
      <c r="AX33" s="205"/>
      <c r="AY33" s="205"/>
      <c r="AZ33" s="205"/>
    </row>
    <row r="34" spans="1:52" ht="24" customHeight="1" x14ac:dyDescent="0.55000000000000004">
      <c r="A34" s="391"/>
      <c r="B34" s="397" t="s">
        <v>77</v>
      </c>
      <c r="C34" s="398"/>
      <c r="D34" s="345"/>
      <c r="E34" s="343"/>
      <c r="F34" s="343"/>
      <c r="G34" s="343"/>
      <c r="H34" s="343"/>
      <c r="I34" s="343"/>
      <c r="J34" s="343"/>
      <c r="K34" s="343"/>
      <c r="L34" s="343"/>
      <c r="M34" s="343"/>
      <c r="N34" s="343"/>
      <c r="O34" s="343"/>
      <c r="P34" s="343"/>
      <c r="Q34" s="343"/>
      <c r="R34" s="343"/>
      <c r="S34" s="343"/>
      <c r="T34" s="343"/>
      <c r="U34" s="343"/>
      <c r="V34" s="343"/>
      <c r="W34" s="344"/>
      <c r="X34" s="345"/>
      <c r="Y34" s="343"/>
      <c r="Z34" s="343"/>
      <c r="AA34" s="343"/>
      <c r="AB34" s="343"/>
      <c r="AC34" s="343"/>
      <c r="AD34" s="343"/>
      <c r="AE34" s="343"/>
      <c r="AF34" s="343"/>
      <c r="AG34" s="343"/>
      <c r="AH34" s="343"/>
      <c r="AI34" s="343"/>
      <c r="AJ34" s="343"/>
      <c r="AK34" s="343"/>
      <c r="AL34" s="343"/>
      <c r="AM34" s="343"/>
      <c r="AN34" s="343"/>
      <c r="AO34" s="343"/>
      <c r="AP34" s="343"/>
      <c r="AQ34" s="344"/>
      <c r="AR34" s="205"/>
      <c r="AS34" s="205"/>
      <c r="AT34" s="205"/>
      <c r="AU34" s="205"/>
      <c r="AV34" s="205"/>
      <c r="AW34" s="205"/>
      <c r="AX34" s="205"/>
      <c r="AY34" s="205"/>
      <c r="AZ34" s="205"/>
    </row>
    <row r="35" spans="1:52" ht="24" customHeight="1" thickBot="1" x14ac:dyDescent="0.6">
      <c r="A35" s="392"/>
      <c r="B35" s="397" t="s">
        <v>78</v>
      </c>
      <c r="C35" s="398"/>
      <c r="D35" s="350"/>
      <c r="E35" s="349"/>
      <c r="F35" s="349"/>
      <c r="G35" s="349"/>
      <c r="H35" s="349"/>
      <c r="I35" s="349"/>
      <c r="J35" s="349"/>
      <c r="K35" s="349"/>
      <c r="L35" s="349"/>
      <c r="M35" s="349"/>
      <c r="N35" s="349"/>
      <c r="O35" s="349"/>
      <c r="P35" s="340"/>
      <c r="Q35" s="340"/>
      <c r="R35" s="340"/>
      <c r="S35" s="340"/>
      <c r="T35" s="340"/>
      <c r="U35" s="340"/>
      <c r="V35" s="340"/>
      <c r="W35" s="341"/>
      <c r="X35" s="342"/>
      <c r="Y35" s="340"/>
      <c r="Z35" s="340"/>
      <c r="AA35" s="340"/>
      <c r="AB35" s="340"/>
      <c r="AC35" s="340"/>
      <c r="AD35" s="340"/>
      <c r="AE35" s="340"/>
      <c r="AF35" s="340"/>
      <c r="AG35" s="340"/>
      <c r="AH35" s="340"/>
      <c r="AI35" s="340"/>
      <c r="AJ35" s="340"/>
      <c r="AK35" s="340"/>
      <c r="AL35" s="340"/>
      <c r="AM35" s="340"/>
      <c r="AN35" s="340"/>
      <c r="AO35" s="340"/>
      <c r="AP35" s="340"/>
      <c r="AQ35" s="341"/>
      <c r="AR35" s="205"/>
      <c r="AS35" s="205"/>
      <c r="AT35" s="205"/>
      <c r="AU35" s="205"/>
      <c r="AV35" s="205"/>
      <c r="AW35" s="205"/>
      <c r="AX35" s="205"/>
      <c r="AY35" s="205"/>
      <c r="AZ35" s="205"/>
    </row>
    <row r="36" spans="1:52" ht="18.5" thickTop="1" x14ac:dyDescent="0.55000000000000004">
      <c r="D36" s="227"/>
      <c r="E36" s="227"/>
      <c r="F36" s="227"/>
      <c r="G36" s="227"/>
      <c r="H36" s="227"/>
      <c r="I36" s="227"/>
      <c r="J36" s="227"/>
      <c r="K36" s="227"/>
      <c r="L36" s="227"/>
      <c r="M36" s="205"/>
      <c r="N36" s="205"/>
      <c r="O36" s="227"/>
      <c r="P36" s="226"/>
      <c r="Q36" s="226"/>
      <c r="R36" s="226"/>
      <c r="S36" s="226"/>
      <c r="T36" s="226"/>
      <c r="U36" s="226"/>
      <c r="V36" s="226"/>
      <c r="W36" s="226"/>
      <c r="X36" s="226"/>
      <c r="Y36" s="226"/>
      <c r="Z36" s="226"/>
      <c r="AA36" s="226"/>
      <c r="AB36" s="226"/>
      <c r="AC36" s="226"/>
      <c r="AD36" s="226"/>
      <c r="AE36" s="226"/>
      <c r="AF36" s="226"/>
      <c r="AG36" s="226"/>
      <c r="AH36" s="226"/>
      <c r="AI36" s="226"/>
      <c r="AJ36" s="226"/>
      <c r="AK36" s="226"/>
      <c r="AL36" s="226"/>
      <c r="AM36" s="226"/>
      <c r="AN36" s="226"/>
      <c r="AO36" s="226"/>
      <c r="AP36" s="226"/>
      <c r="AQ36" s="226"/>
      <c r="AR36" s="205"/>
      <c r="AS36" s="205"/>
      <c r="AT36" s="205"/>
      <c r="AU36" s="205"/>
      <c r="AV36" s="205"/>
      <c r="AW36" s="205"/>
      <c r="AX36" s="205"/>
      <c r="AY36" s="205"/>
      <c r="AZ36" s="205"/>
    </row>
    <row r="37" spans="1:52" x14ac:dyDescent="0.55000000000000004">
      <c r="B37" s="7"/>
      <c r="C37" s="7"/>
      <c r="D37" s="206"/>
      <c r="E37" s="206"/>
      <c r="F37" s="206"/>
      <c r="G37" s="206"/>
      <c r="H37" s="206"/>
      <c r="I37" s="206"/>
      <c r="J37" s="206"/>
      <c r="K37" s="206"/>
      <c r="L37" s="206"/>
      <c r="M37" s="206"/>
      <c r="N37" s="206"/>
      <c r="O37" s="206"/>
      <c r="P37" s="206"/>
      <c r="Q37" s="206"/>
      <c r="R37" s="206"/>
      <c r="S37" s="206"/>
      <c r="T37" s="206"/>
      <c r="U37" s="206"/>
      <c r="V37" s="206"/>
      <c r="W37" s="206"/>
      <c r="X37" s="206"/>
      <c r="Y37" s="206"/>
      <c r="Z37" s="206"/>
      <c r="AA37" s="206"/>
      <c r="AB37" s="206"/>
      <c r="AC37" s="206"/>
      <c r="AD37" s="206"/>
      <c r="AE37" s="206"/>
      <c r="AF37" s="206"/>
      <c r="AG37" s="206"/>
      <c r="AH37" s="206"/>
      <c r="AI37" s="206"/>
      <c r="AJ37" s="206"/>
      <c r="AK37" s="206"/>
      <c r="AL37" s="205"/>
      <c r="AM37" s="205"/>
      <c r="AN37" s="205"/>
      <c r="AO37" s="205"/>
      <c r="AP37" s="205"/>
      <c r="AQ37" s="205"/>
      <c r="AR37" s="205"/>
      <c r="AS37" s="205"/>
      <c r="AT37" s="205"/>
      <c r="AU37" s="205"/>
      <c r="AV37" s="205"/>
      <c r="AW37" s="205"/>
      <c r="AX37" s="205"/>
      <c r="AY37" s="205"/>
      <c r="AZ37" s="205"/>
    </row>
    <row r="38" spans="1:52" x14ac:dyDescent="0.55000000000000004">
      <c r="D38" s="205"/>
      <c r="E38" s="205"/>
      <c r="F38" s="205"/>
      <c r="G38" s="205"/>
      <c r="H38" s="205"/>
      <c r="I38" s="205"/>
      <c r="J38" s="205"/>
      <c r="K38" s="205"/>
      <c r="L38" s="205"/>
      <c r="M38" s="205"/>
      <c r="N38" s="205"/>
      <c r="O38" s="205"/>
      <c r="P38" s="205"/>
      <c r="Q38" s="205"/>
      <c r="R38" s="205"/>
      <c r="S38" s="205"/>
      <c r="T38" s="205"/>
      <c r="U38" s="205"/>
      <c r="V38" s="205"/>
      <c r="W38" s="205"/>
      <c r="X38" s="205"/>
      <c r="Y38" s="205"/>
      <c r="Z38" s="205"/>
      <c r="AA38" s="205"/>
      <c r="AB38" s="205"/>
      <c r="AC38" s="205"/>
      <c r="AD38" s="205"/>
      <c r="AE38" s="205"/>
      <c r="AF38" s="205"/>
      <c r="AG38" s="205"/>
      <c r="AH38" s="205"/>
      <c r="AI38" s="205"/>
      <c r="AJ38" s="205"/>
      <c r="AK38" s="205"/>
      <c r="AL38" s="205"/>
      <c r="AM38" s="205"/>
      <c r="AN38" s="205"/>
      <c r="AO38" s="205"/>
      <c r="AP38" s="205"/>
      <c r="AQ38" s="205"/>
      <c r="AR38" s="205"/>
      <c r="AS38" s="205"/>
      <c r="AT38" s="205"/>
      <c r="AU38" s="205"/>
      <c r="AV38" s="205"/>
      <c r="AW38" s="205"/>
      <c r="AX38" s="205"/>
      <c r="AY38" s="205"/>
      <c r="AZ38" s="205"/>
    </row>
    <row r="39" spans="1:52" x14ac:dyDescent="0.55000000000000004">
      <c r="D39" s="205"/>
      <c r="E39" s="205"/>
      <c r="F39" s="205"/>
      <c r="G39" s="205"/>
      <c r="H39" s="205"/>
      <c r="I39" s="205"/>
      <c r="J39" s="205"/>
      <c r="K39" s="205"/>
      <c r="L39" s="205"/>
      <c r="M39" s="205"/>
      <c r="N39" s="205"/>
      <c r="O39" s="205"/>
      <c r="P39" s="205"/>
      <c r="Q39" s="205"/>
      <c r="R39" s="205"/>
      <c r="S39" s="205"/>
      <c r="T39" s="205"/>
      <c r="U39" s="205"/>
      <c r="V39" s="205"/>
      <c r="W39" s="205"/>
      <c r="X39" s="205"/>
      <c r="Y39" s="205"/>
      <c r="Z39" s="205"/>
      <c r="AA39" s="205"/>
      <c r="AB39" s="205"/>
      <c r="AC39" s="205"/>
      <c r="AD39" s="205"/>
      <c r="AE39" s="205"/>
      <c r="AF39" s="205"/>
      <c r="AG39" s="205"/>
      <c r="AH39" s="205"/>
      <c r="AI39" s="205"/>
      <c r="AJ39" s="205"/>
      <c r="AK39" s="205"/>
      <c r="AL39" s="205"/>
      <c r="AM39" s="205"/>
      <c r="AN39" s="205"/>
      <c r="AO39" s="205"/>
      <c r="AP39" s="205"/>
      <c r="AQ39" s="205"/>
      <c r="AR39" s="205"/>
      <c r="AS39" s="205"/>
      <c r="AT39" s="205"/>
      <c r="AU39" s="205"/>
      <c r="AV39" s="205"/>
      <c r="AW39" s="205"/>
      <c r="AX39" s="205"/>
      <c r="AY39" s="205"/>
      <c r="AZ39" s="205"/>
    </row>
    <row r="40" spans="1:52" x14ac:dyDescent="0.55000000000000004">
      <c r="D40" s="205"/>
      <c r="E40" s="205"/>
      <c r="F40" s="205"/>
      <c r="G40" s="205"/>
      <c r="H40" s="205"/>
      <c r="I40" s="205"/>
      <c r="J40" s="205"/>
      <c r="K40" s="205"/>
      <c r="L40" s="205"/>
      <c r="M40" s="205"/>
      <c r="N40" s="205"/>
      <c r="O40" s="205"/>
      <c r="P40" s="205"/>
      <c r="Q40" s="205"/>
      <c r="R40" s="205"/>
      <c r="S40" s="205"/>
      <c r="T40" s="205"/>
      <c r="U40" s="205"/>
      <c r="V40" s="205"/>
      <c r="W40" s="205"/>
      <c r="X40" s="205"/>
      <c r="Y40" s="205"/>
      <c r="Z40" s="205"/>
      <c r="AA40" s="205"/>
      <c r="AB40" s="205"/>
      <c r="AC40" s="205"/>
      <c r="AD40" s="205"/>
      <c r="AE40" s="205"/>
      <c r="AF40" s="205"/>
      <c r="AG40" s="205"/>
      <c r="AH40" s="205"/>
      <c r="AI40" s="205"/>
      <c r="AJ40" s="205"/>
      <c r="AK40" s="205"/>
      <c r="AL40" s="205"/>
      <c r="AM40" s="205"/>
      <c r="AN40" s="205"/>
      <c r="AO40" s="205"/>
      <c r="AP40" s="205"/>
      <c r="AQ40" s="205"/>
      <c r="AR40" s="205"/>
      <c r="AS40" s="205"/>
      <c r="AT40" s="205"/>
      <c r="AU40" s="205"/>
      <c r="AV40" s="205"/>
      <c r="AW40" s="205"/>
      <c r="AX40" s="205"/>
      <c r="AY40" s="205"/>
      <c r="AZ40" s="205"/>
    </row>
    <row r="41" spans="1:52" x14ac:dyDescent="0.55000000000000004">
      <c r="D41" s="205"/>
      <c r="E41" s="205"/>
      <c r="F41" s="205"/>
      <c r="G41" s="205"/>
      <c r="H41" s="205"/>
      <c r="I41" s="205"/>
      <c r="J41" s="205"/>
      <c r="K41" s="205"/>
      <c r="L41" s="205"/>
      <c r="M41" s="205"/>
      <c r="N41" s="205"/>
      <c r="O41" s="205"/>
      <c r="P41" s="205"/>
      <c r="Q41" s="205"/>
      <c r="R41" s="205"/>
      <c r="S41" s="205"/>
      <c r="T41" s="205"/>
      <c r="U41" s="205"/>
      <c r="V41" s="205"/>
      <c r="W41" s="205"/>
      <c r="X41" s="205"/>
      <c r="Y41" s="205"/>
      <c r="Z41" s="205"/>
      <c r="AA41" s="205"/>
      <c r="AB41" s="205"/>
      <c r="AC41" s="205"/>
      <c r="AD41" s="205"/>
      <c r="AE41" s="205"/>
      <c r="AF41" s="205"/>
      <c r="AG41" s="205"/>
      <c r="AH41" s="205"/>
      <c r="AI41" s="205"/>
      <c r="AJ41" s="205"/>
      <c r="AK41" s="205"/>
      <c r="AL41" s="205"/>
      <c r="AM41" s="205"/>
      <c r="AN41" s="205"/>
      <c r="AO41" s="205"/>
      <c r="AP41" s="205"/>
      <c r="AQ41" s="205"/>
      <c r="AR41" s="205"/>
      <c r="AS41" s="205"/>
      <c r="AT41" s="205"/>
      <c r="AU41" s="205"/>
      <c r="AV41" s="205"/>
      <c r="AW41" s="205"/>
      <c r="AX41" s="205"/>
      <c r="AY41" s="205"/>
      <c r="AZ41" s="205"/>
    </row>
    <row r="42" spans="1:52" x14ac:dyDescent="0.55000000000000004">
      <c r="D42" s="205"/>
      <c r="E42" s="205"/>
      <c r="F42" s="205"/>
      <c r="G42" s="205"/>
      <c r="H42" s="205"/>
      <c r="I42" s="205"/>
      <c r="J42" s="205"/>
      <c r="K42" s="205"/>
      <c r="L42" s="205"/>
      <c r="M42" s="205"/>
      <c r="N42" s="205"/>
      <c r="O42" s="205"/>
      <c r="P42" s="205"/>
      <c r="Q42" s="205"/>
      <c r="R42" s="205"/>
      <c r="S42" s="205"/>
      <c r="T42" s="205"/>
      <c r="U42" s="205"/>
      <c r="V42" s="205"/>
      <c r="W42" s="205"/>
      <c r="X42" s="205"/>
      <c r="Y42" s="205"/>
      <c r="Z42" s="205"/>
      <c r="AA42" s="205"/>
      <c r="AB42" s="205"/>
      <c r="AC42" s="205"/>
      <c r="AD42" s="205"/>
      <c r="AE42" s="205"/>
      <c r="AF42" s="205"/>
      <c r="AG42" s="205"/>
      <c r="AH42" s="205"/>
      <c r="AI42" s="205"/>
      <c r="AJ42" s="205"/>
      <c r="AK42" s="205"/>
      <c r="AL42" s="205"/>
      <c r="AM42" s="205"/>
      <c r="AN42" s="205"/>
      <c r="AO42" s="205"/>
      <c r="AP42" s="205"/>
      <c r="AQ42" s="205"/>
      <c r="AR42" s="205"/>
      <c r="AS42" s="205"/>
      <c r="AT42" s="205"/>
      <c r="AU42" s="205"/>
      <c r="AV42" s="205"/>
      <c r="AW42" s="205"/>
      <c r="AX42" s="205"/>
      <c r="AY42" s="205"/>
      <c r="AZ42" s="205"/>
    </row>
    <row r="43" spans="1:52" x14ac:dyDescent="0.55000000000000004">
      <c r="D43" s="205"/>
      <c r="E43" s="205"/>
      <c r="F43" s="205"/>
      <c r="G43" s="205"/>
      <c r="H43" s="205"/>
      <c r="I43" s="205"/>
      <c r="J43" s="205"/>
      <c r="K43" s="205"/>
      <c r="L43" s="205"/>
      <c r="M43" s="205"/>
      <c r="N43" s="205"/>
      <c r="O43" s="205"/>
      <c r="P43" s="205"/>
      <c r="Q43" s="205"/>
      <c r="R43" s="205"/>
      <c r="S43" s="205"/>
      <c r="T43" s="205"/>
      <c r="U43" s="205"/>
      <c r="V43" s="205"/>
      <c r="W43" s="205"/>
      <c r="X43" s="205"/>
      <c r="Y43" s="205"/>
      <c r="Z43" s="205"/>
      <c r="AA43" s="205"/>
      <c r="AB43" s="205"/>
      <c r="AC43" s="205"/>
      <c r="AD43" s="205"/>
      <c r="AE43" s="205"/>
      <c r="AF43" s="205"/>
      <c r="AG43" s="205"/>
      <c r="AH43" s="205"/>
      <c r="AI43" s="205"/>
      <c r="AJ43" s="205"/>
      <c r="AK43" s="205"/>
      <c r="AL43" s="205"/>
      <c r="AM43" s="205"/>
      <c r="AN43" s="205"/>
      <c r="AO43" s="205"/>
      <c r="AP43" s="205"/>
      <c r="AQ43" s="205"/>
      <c r="AR43" s="205"/>
      <c r="AS43" s="205"/>
      <c r="AT43" s="205"/>
      <c r="AU43" s="205"/>
      <c r="AV43" s="205"/>
      <c r="AW43" s="205"/>
      <c r="AX43" s="205"/>
      <c r="AY43" s="205"/>
      <c r="AZ43" s="205"/>
    </row>
    <row r="44" spans="1:52" x14ac:dyDescent="0.55000000000000004">
      <c r="D44" s="205"/>
      <c r="E44" s="205"/>
      <c r="F44" s="205"/>
      <c r="G44" s="205"/>
      <c r="H44" s="205"/>
      <c r="I44" s="205"/>
      <c r="J44" s="205"/>
      <c r="K44" s="205"/>
      <c r="L44" s="205"/>
      <c r="M44" s="205"/>
      <c r="N44" s="205"/>
      <c r="O44" s="205"/>
      <c r="P44" s="205"/>
      <c r="Q44" s="205"/>
      <c r="R44" s="205"/>
      <c r="S44" s="205"/>
      <c r="T44" s="205"/>
      <c r="U44" s="205"/>
      <c r="V44" s="205"/>
      <c r="W44" s="205"/>
      <c r="X44" s="205"/>
      <c r="Y44" s="205"/>
      <c r="Z44" s="205"/>
      <c r="AA44" s="205"/>
      <c r="AB44" s="205"/>
      <c r="AC44" s="205"/>
      <c r="AD44" s="205"/>
      <c r="AE44" s="205"/>
      <c r="AF44" s="205"/>
      <c r="AG44" s="205"/>
      <c r="AH44" s="205"/>
      <c r="AI44" s="205"/>
      <c r="AJ44" s="205"/>
      <c r="AK44" s="205"/>
      <c r="AL44" s="205"/>
      <c r="AM44" s="205"/>
      <c r="AN44" s="205"/>
      <c r="AO44" s="205"/>
      <c r="AP44" s="205"/>
      <c r="AQ44" s="205"/>
      <c r="AR44" s="205"/>
      <c r="AS44" s="205"/>
      <c r="AT44" s="205"/>
      <c r="AU44" s="205"/>
      <c r="AV44" s="205"/>
      <c r="AW44" s="205"/>
      <c r="AX44" s="205"/>
      <c r="AY44" s="205"/>
      <c r="AZ44" s="205"/>
    </row>
    <row r="45" spans="1:52" x14ac:dyDescent="0.55000000000000004">
      <c r="D45" s="205"/>
      <c r="E45" s="205"/>
      <c r="F45" s="205"/>
      <c r="G45" s="205"/>
      <c r="H45" s="205"/>
      <c r="I45" s="205"/>
      <c r="J45" s="205"/>
      <c r="K45" s="205"/>
      <c r="L45" s="205"/>
      <c r="M45" s="205"/>
      <c r="N45" s="205"/>
      <c r="O45" s="205"/>
      <c r="P45" s="205"/>
      <c r="Q45" s="205"/>
      <c r="R45" s="205"/>
      <c r="S45" s="205"/>
      <c r="T45" s="205"/>
      <c r="U45" s="205"/>
      <c r="V45" s="205"/>
      <c r="W45" s="205"/>
      <c r="X45" s="205"/>
      <c r="Y45" s="205"/>
      <c r="Z45" s="205"/>
      <c r="AA45" s="205"/>
      <c r="AB45" s="205"/>
      <c r="AC45" s="205"/>
      <c r="AD45" s="205"/>
      <c r="AE45" s="205"/>
      <c r="AF45" s="205"/>
      <c r="AG45" s="205"/>
      <c r="AH45" s="205"/>
      <c r="AI45" s="205"/>
      <c r="AJ45" s="205"/>
      <c r="AK45" s="205"/>
      <c r="AL45" s="205"/>
      <c r="AM45" s="205"/>
      <c r="AN45" s="205"/>
      <c r="AO45" s="205"/>
      <c r="AP45" s="205"/>
      <c r="AQ45" s="205"/>
      <c r="AR45" s="205"/>
      <c r="AS45" s="205"/>
      <c r="AT45" s="205"/>
      <c r="AU45" s="205"/>
      <c r="AV45" s="205"/>
      <c r="AW45" s="205"/>
      <c r="AX45" s="205"/>
      <c r="AY45" s="205"/>
      <c r="AZ45" s="205"/>
    </row>
    <row r="46" spans="1:52" x14ac:dyDescent="0.55000000000000004">
      <c r="D46" s="205"/>
      <c r="E46" s="205"/>
      <c r="F46" s="205"/>
      <c r="G46" s="205"/>
      <c r="H46" s="205"/>
      <c r="I46" s="205"/>
      <c r="J46" s="205"/>
      <c r="K46" s="205"/>
      <c r="L46" s="205"/>
      <c r="M46" s="205"/>
      <c r="N46" s="205"/>
      <c r="O46" s="205"/>
      <c r="P46" s="205"/>
      <c r="Q46" s="205"/>
      <c r="R46" s="205"/>
      <c r="S46" s="205"/>
      <c r="T46" s="205"/>
      <c r="U46" s="205"/>
      <c r="V46" s="205"/>
      <c r="W46" s="205"/>
      <c r="X46" s="205"/>
      <c r="Y46" s="205"/>
      <c r="Z46" s="205"/>
      <c r="AA46" s="205"/>
      <c r="AB46" s="205"/>
      <c r="AC46" s="205"/>
      <c r="AD46" s="205"/>
      <c r="AE46" s="205"/>
      <c r="AF46" s="205"/>
      <c r="AG46" s="205"/>
      <c r="AH46" s="205"/>
      <c r="AI46" s="205"/>
      <c r="AJ46" s="205"/>
      <c r="AK46" s="205"/>
      <c r="AL46" s="205"/>
      <c r="AM46" s="205"/>
      <c r="AN46" s="205"/>
      <c r="AO46" s="205"/>
      <c r="AP46" s="205"/>
      <c r="AQ46" s="205"/>
      <c r="AR46" s="205"/>
      <c r="AS46" s="205"/>
      <c r="AT46" s="205"/>
      <c r="AU46" s="205"/>
      <c r="AV46" s="205"/>
      <c r="AW46" s="205"/>
      <c r="AX46" s="205"/>
      <c r="AY46" s="205"/>
      <c r="AZ46" s="205"/>
    </row>
    <row r="47" spans="1:52" x14ac:dyDescent="0.55000000000000004">
      <c r="D47" s="205"/>
      <c r="E47" s="205"/>
      <c r="F47" s="205"/>
      <c r="G47" s="205"/>
      <c r="H47" s="205"/>
      <c r="I47" s="205"/>
      <c r="J47" s="205"/>
      <c r="K47" s="205"/>
      <c r="L47" s="205"/>
      <c r="M47" s="205"/>
      <c r="N47" s="205"/>
      <c r="O47" s="205"/>
      <c r="P47" s="205"/>
      <c r="Q47" s="205"/>
      <c r="R47" s="205"/>
      <c r="S47" s="205"/>
      <c r="T47" s="205"/>
      <c r="U47" s="205"/>
      <c r="V47" s="205"/>
      <c r="W47" s="205"/>
      <c r="X47" s="205"/>
      <c r="Y47" s="205"/>
      <c r="Z47" s="205"/>
      <c r="AA47" s="205"/>
      <c r="AB47" s="205"/>
      <c r="AC47" s="205"/>
      <c r="AD47" s="205"/>
      <c r="AE47" s="205"/>
      <c r="AF47" s="205"/>
      <c r="AG47" s="205"/>
      <c r="AH47" s="205"/>
      <c r="AI47" s="205"/>
      <c r="AJ47" s="205"/>
      <c r="AK47" s="205"/>
      <c r="AL47" s="205"/>
      <c r="AM47" s="205"/>
      <c r="AN47" s="205"/>
      <c r="AO47" s="205"/>
      <c r="AP47" s="205"/>
      <c r="AQ47" s="205"/>
      <c r="AR47" s="205"/>
      <c r="AS47" s="205"/>
      <c r="AT47" s="205"/>
      <c r="AU47" s="205"/>
      <c r="AV47" s="205"/>
      <c r="AW47" s="205"/>
      <c r="AX47" s="205"/>
      <c r="AY47" s="205"/>
      <c r="AZ47" s="205"/>
    </row>
    <row r="48" spans="1:52" x14ac:dyDescent="0.55000000000000004">
      <c r="D48" s="205"/>
      <c r="E48" s="205"/>
      <c r="F48" s="205"/>
      <c r="G48" s="205"/>
      <c r="H48" s="205"/>
      <c r="I48" s="205"/>
      <c r="J48" s="205"/>
      <c r="K48" s="205"/>
      <c r="L48" s="205"/>
      <c r="M48" s="205"/>
      <c r="N48" s="205"/>
      <c r="O48" s="205"/>
      <c r="P48" s="205"/>
      <c r="Q48" s="205"/>
      <c r="R48" s="205"/>
      <c r="S48" s="205"/>
      <c r="T48" s="205"/>
      <c r="U48" s="205"/>
      <c r="V48" s="205"/>
      <c r="W48" s="205"/>
      <c r="X48" s="205"/>
      <c r="Y48" s="205"/>
      <c r="Z48" s="205"/>
      <c r="AA48" s="205"/>
      <c r="AB48" s="205"/>
      <c r="AC48" s="205"/>
      <c r="AD48" s="205"/>
      <c r="AE48" s="205"/>
      <c r="AF48" s="205"/>
      <c r="AG48" s="205"/>
      <c r="AH48" s="205"/>
      <c r="AI48" s="205"/>
      <c r="AJ48" s="205"/>
      <c r="AK48" s="205"/>
      <c r="AL48" s="205"/>
      <c r="AM48" s="205"/>
      <c r="AN48" s="205"/>
      <c r="AO48" s="205"/>
      <c r="AP48" s="205"/>
      <c r="AQ48" s="205"/>
      <c r="AR48" s="205"/>
      <c r="AS48" s="205"/>
      <c r="AT48" s="205"/>
      <c r="AU48" s="205"/>
      <c r="AV48" s="205"/>
      <c r="AW48" s="205"/>
      <c r="AX48" s="205"/>
      <c r="AY48" s="205"/>
      <c r="AZ48" s="205"/>
    </row>
    <row r="49" spans="4:52" x14ac:dyDescent="0.55000000000000004">
      <c r="D49" s="205"/>
      <c r="E49" s="205"/>
      <c r="F49" s="205"/>
      <c r="G49" s="205"/>
      <c r="H49" s="205"/>
      <c r="I49" s="205"/>
      <c r="J49" s="205"/>
      <c r="K49" s="205"/>
      <c r="L49" s="205"/>
      <c r="M49" s="205"/>
      <c r="N49" s="205"/>
      <c r="O49" s="205"/>
      <c r="P49" s="205"/>
      <c r="Q49" s="205"/>
      <c r="R49" s="205"/>
      <c r="S49" s="205"/>
      <c r="T49" s="205"/>
      <c r="U49" s="205"/>
      <c r="V49" s="205"/>
      <c r="W49" s="205"/>
      <c r="X49" s="205"/>
      <c r="Y49" s="205"/>
      <c r="Z49" s="205"/>
      <c r="AA49" s="205"/>
      <c r="AB49" s="205"/>
      <c r="AC49" s="205"/>
      <c r="AD49" s="205"/>
      <c r="AE49" s="205"/>
      <c r="AF49" s="205"/>
      <c r="AG49" s="205"/>
      <c r="AH49" s="205"/>
      <c r="AI49" s="205"/>
      <c r="AJ49" s="205"/>
      <c r="AK49" s="205"/>
      <c r="AL49" s="205"/>
      <c r="AM49" s="205"/>
      <c r="AN49" s="205"/>
      <c r="AO49" s="205"/>
      <c r="AP49" s="205"/>
      <c r="AQ49" s="205"/>
      <c r="AR49" s="205"/>
      <c r="AS49" s="205"/>
      <c r="AT49" s="205"/>
      <c r="AU49" s="205"/>
      <c r="AV49" s="205"/>
      <c r="AW49" s="205"/>
      <c r="AX49" s="205"/>
      <c r="AY49" s="205"/>
      <c r="AZ49" s="205"/>
    </row>
    <row r="50" spans="4:52" x14ac:dyDescent="0.55000000000000004">
      <c r="D50" s="205"/>
      <c r="E50" s="205"/>
      <c r="F50" s="205"/>
      <c r="G50" s="205"/>
      <c r="H50" s="205"/>
      <c r="I50" s="205"/>
      <c r="J50" s="205"/>
      <c r="K50" s="205"/>
      <c r="L50" s="205"/>
      <c r="M50" s="205"/>
      <c r="N50" s="205"/>
      <c r="O50" s="205"/>
      <c r="P50" s="205"/>
      <c r="Q50" s="205"/>
      <c r="R50" s="205"/>
      <c r="S50" s="205"/>
      <c r="T50" s="205"/>
      <c r="U50" s="205"/>
      <c r="V50" s="205"/>
      <c r="W50" s="205"/>
      <c r="X50" s="205"/>
      <c r="Y50" s="205"/>
      <c r="Z50" s="205"/>
      <c r="AA50" s="205"/>
      <c r="AB50" s="205"/>
      <c r="AC50" s="205"/>
      <c r="AD50" s="205"/>
      <c r="AE50" s="205"/>
      <c r="AF50" s="205"/>
      <c r="AG50" s="205"/>
      <c r="AH50" s="205"/>
      <c r="AI50" s="205"/>
      <c r="AJ50" s="205"/>
      <c r="AK50" s="205"/>
      <c r="AL50" s="205"/>
      <c r="AM50" s="205"/>
      <c r="AN50" s="205"/>
      <c r="AO50" s="205"/>
      <c r="AP50" s="205"/>
      <c r="AQ50" s="205"/>
      <c r="AR50" s="205"/>
      <c r="AS50" s="205"/>
      <c r="AT50" s="205"/>
      <c r="AU50" s="205"/>
      <c r="AV50" s="205"/>
      <c r="AW50" s="205"/>
      <c r="AX50" s="205"/>
      <c r="AY50" s="205"/>
      <c r="AZ50" s="205"/>
    </row>
    <row r="51" spans="4:52" x14ac:dyDescent="0.55000000000000004">
      <c r="D51" s="205"/>
      <c r="E51" s="205"/>
      <c r="F51" s="205"/>
      <c r="G51" s="205"/>
      <c r="H51" s="205"/>
      <c r="I51" s="205"/>
      <c r="J51" s="205"/>
      <c r="K51" s="205"/>
      <c r="L51" s="205"/>
      <c r="M51" s="205"/>
      <c r="N51" s="205"/>
      <c r="O51" s="205"/>
      <c r="P51" s="205"/>
      <c r="Q51" s="205"/>
      <c r="R51" s="205"/>
      <c r="S51" s="205"/>
      <c r="T51" s="205"/>
      <c r="U51" s="205"/>
      <c r="V51" s="205"/>
      <c r="W51" s="205"/>
      <c r="X51" s="205"/>
      <c r="Y51" s="205"/>
      <c r="Z51" s="205"/>
      <c r="AA51" s="205"/>
      <c r="AB51" s="205"/>
      <c r="AC51" s="205"/>
      <c r="AD51" s="205"/>
      <c r="AE51" s="205"/>
      <c r="AF51" s="205"/>
      <c r="AG51" s="205"/>
      <c r="AH51" s="205"/>
      <c r="AI51" s="205"/>
      <c r="AJ51" s="205"/>
      <c r="AK51" s="205"/>
      <c r="AL51" s="205"/>
      <c r="AM51" s="205"/>
      <c r="AN51" s="205"/>
      <c r="AO51" s="205"/>
      <c r="AP51" s="205"/>
      <c r="AQ51" s="205"/>
      <c r="AR51" s="205"/>
      <c r="AS51" s="205"/>
      <c r="AT51" s="205"/>
      <c r="AU51" s="205"/>
      <c r="AV51" s="205"/>
      <c r="AW51" s="205"/>
      <c r="AX51" s="205"/>
      <c r="AY51" s="205"/>
      <c r="AZ51" s="205"/>
    </row>
    <row r="52" spans="4:52" x14ac:dyDescent="0.55000000000000004">
      <c r="D52" s="205"/>
      <c r="E52" s="205"/>
      <c r="F52" s="205"/>
      <c r="G52" s="205"/>
      <c r="H52" s="205"/>
      <c r="I52" s="205"/>
      <c r="J52" s="205"/>
      <c r="K52" s="205"/>
      <c r="L52" s="205"/>
      <c r="M52" s="205"/>
      <c r="N52" s="205"/>
      <c r="O52" s="205"/>
      <c r="P52" s="205"/>
      <c r="Q52" s="205"/>
      <c r="R52" s="205"/>
      <c r="S52" s="205"/>
      <c r="T52" s="205"/>
      <c r="U52" s="205"/>
      <c r="V52" s="205"/>
      <c r="W52" s="205"/>
      <c r="X52" s="205"/>
      <c r="Y52" s="205"/>
      <c r="Z52" s="205"/>
      <c r="AA52" s="205"/>
      <c r="AB52" s="205"/>
      <c r="AC52" s="205"/>
      <c r="AD52" s="205"/>
      <c r="AE52" s="205"/>
      <c r="AF52" s="205"/>
      <c r="AG52" s="205"/>
      <c r="AH52" s="205"/>
      <c r="AI52" s="205"/>
      <c r="AJ52" s="205"/>
      <c r="AK52" s="205"/>
      <c r="AL52" s="205"/>
      <c r="AM52" s="205"/>
      <c r="AN52" s="205"/>
      <c r="AO52" s="205"/>
      <c r="AP52" s="205"/>
      <c r="AQ52" s="205"/>
      <c r="AR52" s="205"/>
      <c r="AS52" s="205"/>
      <c r="AT52" s="205"/>
      <c r="AU52" s="205"/>
      <c r="AV52" s="205"/>
      <c r="AW52" s="205"/>
      <c r="AX52" s="205"/>
      <c r="AY52" s="205"/>
      <c r="AZ52" s="205"/>
    </row>
    <row r="53" spans="4:52" x14ac:dyDescent="0.55000000000000004">
      <c r="D53" s="205"/>
      <c r="E53" s="205"/>
      <c r="F53" s="205"/>
      <c r="G53" s="205"/>
      <c r="H53" s="205"/>
      <c r="I53" s="205"/>
      <c r="J53" s="205"/>
      <c r="K53" s="205"/>
      <c r="L53" s="205"/>
      <c r="M53" s="205"/>
      <c r="N53" s="205"/>
      <c r="O53" s="205"/>
      <c r="P53" s="205"/>
      <c r="Q53" s="205"/>
      <c r="R53" s="205"/>
      <c r="S53" s="205"/>
      <c r="T53" s="205"/>
      <c r="U53" s="205"/>
      <c r="V53" s="205"/>
      <c r="W53" s="205"/>
      <c r="X53" s="205"/>
      <c r="Y53" s="205"/>
      <c r="Z53" s="205"/>
      <c r="AA53" s="205"/>
      <c r="AB53" s="205"/>
      <c r="AC53" s="205"/>
      <c r="AD53" s="205"/>
      <c r="AE53" s="205"/>
      <c r="AF53" s="205"/>
      <c r="AG53" s="205"/>
      <c r="AH53" s="205"/>
      <c r="AI53" s="205"/>
      <c r="AJ53" s="205"/>
      <c r="AK53" s="205"/>
      <c r="AL53" s="205"/>
      <c r="AM53" s="205"/>
      <c r="AN53" s="205"/>
      <c r="AO53" s="205"/>
      <c r="AP53" s="205"/>
      <c r="AQ53" s="205"/>
      <c r="AR53" s="205"/>
      <c r="AS53" s="205"/>
      <c r="AT53" s="205"/>
      <c r="AU53" s="205"/>
      <c r="AV53" s="205"/>
      <c r="AW53" s="205"/>
      <c r="AX53" s="205"/>
      <c r="AY53" s="205"/>
      <c r="AZ53" s="205"/>
    </row>
    <row r="54" spans="4:52" x14ac:dyDescent="0.55000000000000004">
      <c r="D54" s="205"/>
      <c r="E54" s="205"/>
      <c r="F54" s="205"/>
      <c r="G54" s="205"/>
      <c r="H54" s="205"/>
      <c r="I54" s="205"/>
      <c r="J54" s="205"/>
      <c r="K54" s="205"/>
      <c r="L54" s="205"/>
      <c r="M54" s="205"/>
      <c r="N54" s="205"/>
      <c r="O54" s="205"/>
      <c r="P54" s="205"/>
      <c r="Q54" s="205"/>
      <c r="R54" s="205"/>
      <c r="S54" s="205"/>
      <c r="T54" s="205"/>
      <c r="U54" s="205"/>
      <c r="V54" s="205"/>
      <c r="W54" s="205"/>
      <c r="X54" s="205"/>
      <c r="Y54" s="205"/>
      <c r="Z54" s="205"/>
      <c r="AA54" s="205"/>
      <c r="AB54" s="205"/>
      <c r="AC54" s="205"/>
      <c r="AD54" s="205"/>
      <c r="AE54" s="205"/>
      <c r="AF54" s="205"/>
      <c r="AG54" s="205"/>
      <c r="AH54" s="205"/>
      <c r="AI54" s="205"/>
      <c r="AJ54" s="205"/>
      <c r="AK54" s="205"/>
      <c r="AL54" s="205"/>
      <c r="AM54" s="205"/>
      <c r="AN54" s="205"/>
      <c r="AO54" s="205"/>
      <c r="AP54" s="205"/>
      <c r="AQ54" s="205"/>
      <c r="AR54" s="205"/>
      <c r="AS54" s="205"/>
      <c r="AT54" s="205"/>
      <c r="AU54" s="205"/>
      <c r="AV54" s="205"/>
      <c r="AW54" s="205"/>
      <c r="AX54" s="205"/>
      <c r="AY54" s="205"/>
      <c r="AZ54" s="205"/>
    </row>
    <row r="55" spans="4:52" x14ac:dyDescent="0.55000000000000004">
      <c r="D55" s="205"/>
      <c r="E55" s="205"/>
      <c r="F55" s="205"/>
      <c r="G55" s="205"/>
      <c r="H55" s="205"/>
      <c r="I55" s="205"/>
      <c r="J55" s="205"/>
      <c r="K55" s="205"/>
      <c r="L55" s="205"/>
      <c r="M55" s="205"/>
      <c r="N55" s="205"/>
      <c r="O55" s="205"/>
      <c r="P55" s="205"/>
      <c r="Q55" s="205"/>
      <c r="R55" s="205"/>
      <c r="S55" s="205"/>
      <c r="T55" s="205"/>
      <c r="U55" s="205"/>
      <c r="V55" s="205"/>
      <c r="W55" s="205"/>
      <c r="X55" s="205"/>
      <c r="Y55" s="205"/>
      <c r="Z55" s="205"/>
      <c r="AA55" s="205"/>
      <c r="AB55" s="205"/>
      <c r="AC55" s="205"/>
      <c r="AD55" s="205"/>
      <c r="AE55" s="205"/>
      <c r="AF55" s="205"/>
      <c r="AG55" s="205"/>
      <c r="AH55" s="205"/>
      <c r="AI55" s="205"/>
      <c r="AJ55" s="205"/>
      <c r="AK55" s="205"/>
      <c r="AL55" s="205"/>
      <c r="AM55" s="205"/>
      <c r="AN55" s="205"/>
      <c r="AO55" s="205"/>
      <c r="AP55" s="205"/>
      <c r="AQ55" s="205"/>
      <c r="AR55" s="205"/>
      <c r="AS55" s="205"/>
      <c r="AT55" s="205"/>
      <c r="AU55" s="205"/>
      <c r="AV55" s="205"/>
      <c r="AW55" s="205"/>
      <c r="AX55" s="205"/>
      <c r="AY55" s="205"/>
      <c r="AZ55" s="205"/>
    </row>
    <row r="56" spans="4:52" x14ac:dyDescent="0.55000000000000004">
      <c r="D56" s="205"/>
      <c r="E56" s="205"/>
      <c r="F56" s="205"/>
      <c r="G56" s="205"/>
      <c r="H56" s="205"/>
      <c r="I56" s="205"/>
      <c r="J56" s="205"/>
      <c r="K56" s="205"/>
      <c r="L56" s="205"/>
      <c r="M56" s="205"/>
      <c r="N56" s="205"/>
      <c r="O56" s="205"/>
      <c r="P56" s="205"/>
      <c r="Q56" s="205"/>
      <c r="R56" s="205"/>
      <c r="S56" s="205"/>
      <c r="T56" s="205"/>
      <c r="U56" s="205"/>
      <c r="V56" s="205"/>
      <c r="W56" s="205"/>
      <c r="X56" s="205"/>
      <c r="Y56" s="205"/>
      <c r="Z56" s="205"/>
      <c r="AA56" s="205"/>
      <c r="AB56" s="205"/>
      <c r="AC56" s="205"/>
      <c r="AD56" s="205"/>
      <c r="AE56" s="205"/>
      <c r="AF56" s="205"/>
      <c r="AG56" s="205"/>
      <c r="AH56" s="205"/>
      <c r="AI56" s="205"/>
      <c r="AJ56" s="205"/>
      <c r="AK56" s="205"/>
      <c r="AL56" s="205"/>
      <c r="AM56" s="205"/>
      <c r="AN56" s="205"/>
      <c r="AO56" s="205"/>
      <c r="AP56" s="205"/>
      <c r="AQ56" s="205"/>
      <c r="AR56" s="205"/>
      <c r="AS56" s="205"/>
      <c r="AT56" s="205"/>
      <c r="AU56" s="205"/>
      <c r="AV56" s="205"/>
      <c r="AW56" s="205"/>
      <c r="AX56" s="205"/>
      <c r="AY56" s="205"/>
      <c r="AZ56" s="205"/>
    </row>
    <row r="57" spans="4:52" x14ac:dyDescent="0.55000000000000004">
      <c r="D57" s="205"/>
      <c r="E57" s="205"/>
      <c r="F57" s="205"/>
      <c r="G57" s="205"/>
      <c r="H57" s="205"/>
      <c r="I57" s="205"/>
      <c r="J57" s="205"/>
      <c r="K57" s="205"/>
      <c r="L57" s="205"/>
      <c r="M57" s="205"/>
      <c r="N57" s="205"/>
      <c r="O57" s="205"/>
      <c r="P57" s="205"/>
      <c r="Q57" s="205"/>
      <c r="R57" s="205"/>
      <c r="S57" s="205"/>
      <c r="T57" s="205"/>
      <c r="U57" s="205"/>
      <c r="V57" s="205"/>
      <c r="W57" s="205"/>
      <c r="X57" s="205"/>
      <c r="Y57" s="205"/>
      <c r="Z57" s="205"/>
      <c r="AA57" s="205"/>
      <c r="AB57" s="205"/>
      <c r="AC57" s="205"/>
      <c r="AD57" s="205"/>
      <c r="AE57" s="205"/>
      <c r="AF57" s="205"/>
      <c r="AG57" s="205"/>
      <c r="AH57" s="205"/>
      <c r="AI57" s="205"/>
      <c r="AJ57" s="205"/>
      <c r="AK57" s="205"/>
      <c r="AL57" s="205"/>
      <c r="AM57" s="205"/>
      <c r="AN57" s="205"/>
      <c r="AO57" s="205"/>
      <c r="AP57" s="205"/>
      <c r="AQ57" s="205"/>
      <c r="AR57" s="205"/>
      <c r="AS57" s="205"/>
      <c r="AT57" s="205"/>
      <c r="AU57" s="205"/>
      <c r="AV57" s="205"/>
      <c r="AW57" s="205"/>
      <c r="AX57" s="205"/>
      <c r="AY57" s="205"/>
      <c r="AZ57" s="205"/>
    </row>
    <row r="58" spans="4:52" x14ac:dyDescent="0.55000000000000004">
      <c r="D58" s="205"/>
      <c r="E58" s="205"/>
      <c r="F58" s="205"/>
      <c r="G58" s="205"/>
      <c r="H58" s="205"/>
      <c r="I58" s="205"/>
      <c r="J58" s="205"/>
      <c r="K58" s="205"/>
      <c r="L58" s="205"/>
      <c r="M58" s="205"/>
      <c r="N58" s="205"/>
      <c r="O58" s="205"/>
      <c r="P58" s="205"/>
      <c r="Q58" s="205"/>
      <c r="R58" s="205"/>
      <c r="S58" s="205"/>
      <c r="T58" s="205"/>
      <c r="U58" s="205"/>
      <c r="V58" s="205"/>
      <c r="W58" s="205"/>
      <c r="X58" s="205"/>
      <c r="Y58" s="205"/>
      <c r="Z58" s="205"/>
      <c r="AA58" s="205"/>
      <c r="AB58" s="205"/>
      <c r="AC58" s="205"/>
      <c r="AD58" s="205"/>
      <c r="AE58" s="205"/>
      <c r="AF58" s="205"/>
      <c r="AG58" s="205"/>
      <c r="AH58" s="205"/>
      <c r="AI58" s="205"/>
      <c r="AJ58" s="205"/>
      <c r="AK58" s="205"/>
      <c r="AL58" s="205"/>
      <c r="AM58" s="205"/>
      <c r="AN58" s="205"/>
      <c r="AO58" s="205"/>
      <c r="AP58" s="205"/>
      <c r="AQ58" s="205"/>
      <c r="AR58" s="205"/>
      <c r="AS58" s="205"/>
      <c r="AT58" s="205"/>
      <c r="AU58" s="205"/>
      <c r="AV58" s="205"/>
      <c r="AW58" s="205"/>
      <c r="AX58" s="205"/>
      <c r="AY58" s="205"/>
      <c r="AZ58" s="205"/>
    </row>
    <row r="59" spans="4:52" x14ac:dyDescent="0.55000000000000004">
      <c r="D59" s="205"/>
      <c r="E59" s="205"/>
      <c r="F59" s="205"/>
      <c r="G59" s="205"/>
      <c r="H59" s="205"/>
      <c r="I59" s="205"/>
      <c r="J59" s="205"/>
      <c r="K59" s="205"/>
      <c r="L59" s="205"/>
      <c r="M59" s="205"/>
      <c r="N59" s="205"/>
      <c r="O59" s="205"/>
      <c r="P59" s="205"/>
      <c r="Q59" s="205"/>
      <c r="R59" s="205"/>
      <c r="S59" s="205"/>
      <c r="T59" s="205"/>
      <c r="U59" s="205"/>
      <c r="V59" s="205"/>
      <c r="W59" s="205"/>
      <c r="X59" s="205"/>
      <c r="Y59" s="205"/>
      <c r="Z59" s="205"/>
      <c r="AA59" s="205"/>
      <c r="AB59" s="205"/>
      <c r="AC59" s="205"/>
      <c r="AD59" s="205"/>
      <c r="AE59" s="205"/>
      <c r="AF59" s="205"/>
      <c r="AG59" s="205"/>
      <c r="AH59" s="205"/>
      <c r="AI59" s="205"/>
      <c r="AJ59" s="205"/>
      <c r="AK59" s="205"/>
      <c r="AL59" s="205"/>
      <c r="AM59" s="205"/>
      <c r="AN59" s="205"/>
      <c r="AO59" s="205"/>
      <c r="AP59" s="205"/>
      <c r="AQ59" s="205"/>
      <c r="AR59" s="205"/>
      <c r="AS59" s="205"/>
      <c r="AT59" s="205"/>
      <c r="AU59" s="205"/>
      <c r="AV59" s="205"/>
      <c r="AW59" s="205"/>
      <c r="AX59" s="205"/>
      <c r="AY59" s="205"/>
      <c r="AZ59" s="205"/>
    </row>
    <row r="60" spans="4:52" x14ac:dyDescent="0.55000000000000004">
      <c r="D60" s="205"/>
      <c r="E60" s="205"/>
      <c r="F60" s="205"/>
      <c r="G60" s="205"/>
      <c r="H60" s="205"/>
      <c r="I60" s="205"/>
      <c r="J60" s="205"/>
      <c r="K60" s="205"/>
      <c r="L60" s="205"/>
      <c r="M60" s="205"/>
      <c r="N60" s="205"/>
      <c r="O60" s="205"/>
      <c r="P60" s="205"/>
      <c r="Q60" s="205"/>
      <c r="R60" s="205"/>
      <c r="S60" s="205"/>
      <c r="T60" s="205"/>
      <c r="U60" s="205"/>
      <c r="V60" s="205"/>
      <c r="W60" s="205"/>
      <c r="X60" s="205"/>
      <c r="Y60" s="205"/>
      <c r="Z60" s="205"/>
      <c r="AA60" s="205"/>
      <c r="AB60" s="205"/>
      <c r="AC60" s="205"/>
      <c r="AD60" s="205"/>
      <c r="AE60" s="205"/>
      <c r="AF60" s="205"/>
      <c r="AG60" s="205"/>
      <c r="AH60" s="205"/>
      <c r="AI60" s="205"/>
      <c r="AJ60" s="205"/>
      <c r="AK60" s="205"/>
      <c r="AL60" s="205"/>
      <c r="AM60" s="205"/>
      <c r="AN60" s="205"/>
      <c r="AO60" s="205"/>
      <c r="AP60" s="205"/>
      <c r="AQ60" s="205"/>
      <c r="AR60" s="205"/>
      <c r="AS60" s="205"/>
      <c r="AT60" s="205"/>
      <c r="AU60" s="205"/>
      <c r="AV60" s="205"/>
      <c r="AW60" s="205"/>
      <c r="AX60" s="205"/>
      <c r="AY60" s="205"/>
      <c r="AZ60" s="205"/>
    </row>
    <row r="61" spans="4:52" x14ac:dyDescent="0.55000000000000004">
      <c r="D61" s="205"/>
      <c r="E61" s="205"/>
      <c r="F61" s="205"/>
      <c r="G61" s="205"/>
      <c r="H61" s="205"/>
      <c r="I61" s="205"/>
      <c r="J61" s="205"/>
      <c r="K61" s="205"/>
      <c r="L61" s="205"/>
      <c r="M61" s="205"/>
      <c r="N61" s="205"/>
      <c r="O61" s="205"/>
      <c r="P61" s="205"/>
      <c r="Q61" s="205"/>
      <c r="R61" s="205"/>
      <c r="S61" s="205"/>
      <c r="T61" s="205"/>
      <c r="U61" s="205"/>
      <c r="V61" s="205"/>
      <c r="W61" s="205"/>
      <c r="X61" s="205"/>
      <c r="Y61" s="205"/>
      <c r="Z61" s="205"/>
      <c r="AA61" s="205"/>
      <c r="AB61" s="205"/>
      <c r="AC61" s="205"/>
      <c r="AD61" s="205"/>
      <c r="AE61" s="205"/>
      <c r="AF61" s="205"/>
      <c r="AG61" s="205"/>
      <c r="AH61" s="205"/>
      <c r="AI61" s="205"/>
      <c r="AJ61" s="205"/>
      <c r="AK61" s="205"/>
      <c r="AL61" s="205"/>
      <c r="AM61" s="205"/>
      <c r="AN61" s="205"/>
      <c r="AO61" s="205"/>
      <c r="AP61" s="205"/>
      <c r="AQ61" s="205"/>
      <c r="AR61" s="205"/>
      <c r="AS61" s="205"/>
      <c r="AT61" s="205"/>
      <c r="AU61" s="205"/>
      <c r="AV61" s="205"/>
      <c r="AW61" s="205"/>
      <c r="AX61" s="205"/>
      <c r="AY61" s="205"/>
      <c r="AZ61" s="205"/>
    </row>
    <row r="62" spans="4:52" x14ac:dyDescent="0.55000000000000004">
      <c r="D62" s="205"/>
      <c r="E62" s="205"/>
      <c r="F62" s="205"/>
      <c r="G62" s="205"/>
      <c r="H62" s="205"/>
      <c r="I62" s="205"/>
      <c r="J62" s="205"/>
      <c r="K62" s="205"/>
      <c r="L62" s="205"/>
      <c r="M62" s="205"/>
      <c r="N62" s="205"/>
      <c r="O62" s="205"/>
      <c r="P62" s="205"/>
      <c r="Q62" s="205"/>
      <c r="R62" s="205"/>
      <c r="S62" s="205"/>
      <c r="T62" s="205"/>
      <c r="U62" s="205"/>
      <c r="V62" s="205"/>
      <c r="W62" s="205"/>
      <c r="X62" s="205"/>
      <c r="Y62" s="205"/>
      <c r="Z62" s="205"/>
      <c r="AA62" s="205"/>
      <c r="AB62" s="205"/>
      <c r="AC62" s="205"/>
      <c r="AD62" s="205"/>
      <c r="AE62" s="205"/>
      <c r="AF62" s="205"/>
      <c r="AG62" s="205"/>
      <c r="AH62" s="205"/>
      <c r="AI62" s="205"/>
      <c r="AJ62" s="205"/>
      <c r="AK62" s="205"/>
      <c r="AL62" s="205"/>
      <c r="AM62" s="205"/>
      <c r="AN62" s="205"/>
      <c r="AO62" s="205"/>
      <c r="AP62" s="205"/>
      <c r="AQ62" s="205"/>
      <c r="AR62" s="205"/>
      <c r="AS62" s="205"/>
      <c r="AT62" s="205"/>
      <c r="AU62" s="205"/>
      <c r="AV62" s="205"/>
      <c r="AW62" s="205"/>
      <c r="AX62" s="205"/>
      <c r="AY62" s="205"/>
      <c r="AZ62" s="205"/>
    </row>
    <row r="63" spans="4:52" x14ac:dyDescent="0.55000000000000004">
      <c r="D63" s="205"/>
      <c r="E63" s="205"/>
      <c r="F63" s="205"/>
      <c r="G63" s="205"/>
      <c r="H63" s="205"/>
      <c r="I63" s="205"/>
      <c r="J63" s="205"/>
      <c r="K63" s="205"/>
      <c r="L63" s="205"/>
      <c r="M63" s="205"/>
      <c r="N63" s="205"/>
      <c r="O63" s="205"/>
      <c r="P63" s="205"/>
      <c r="Q63" s="205"/>
      <c r="R63" s="205"/>
      <c r="S63" s="205"/>
      <c r="T63" s="205"/>
      <c r="U63" s="205"/>
      <c r="V63" s="205"/>
      <c r="W63" s="205"/>
      <c r="X63" s="205"/>
      <c r="Y63" s="205"/>
      <c r="Z63" s="205"/>
      <c r="AA63" s="205"/>
      <c r="AB63" s="205"/>
      <c r="AC63" s="205"/>
      <c r="AD63" s="205"/>
      <c r="AE63" s="205"/>
      <c r="AF63" s="205"/>
      <c r="AG63" s="205"/>
      <c r="AH63" s="205"/>
      <c r="AI63" s="205"/>
      <c r="AJ63" s="205"/>
      <c r="AK63" s="205"/>
      <c r="AL63" s="205"/>
      <c r="AM63" s="205"/>
      <c r="AN63" s="205"/>
      <c r="AO63" s="205"/>
      <c r="AP63" s="205"/>
      <c r="AQ63" s="205"/>
      <c r="AR63" s="205"/>
      <c r="AS63" s="205"/>
      <c r="AT63" s="205"/>
      <c r="AU63" s="205"/>
      <c r="AV63" s="205"/>
      <c r="AW63" s="205"/>
      <c r="AX63" s="205"/>
      <c r="AY63" s="205"/>
      <c r="AZ63" s="205"/>
    </row>
    <row r="64" spans="4:52" x14ac:dyDescent="0.55000000000000004">
      <c r="D64" s="205"/>
      <c r="E64" s="205"/>
      <c r="F64" s="205"/>
      <c r="G64" s="205"/>
      <c r="H64" s="205"/>
      <c r="I64" s="205"/>
      <c r="J64" s="205"/>
      <c r="K64" s="205"/>
      <c r="L64" s="205"/>
      <c r="M64" s="205"/>
      <c r="N64" s="205"/>
      <c r="O64" s="205"/>
      <c r="P64" s="205"/>
      <c r="Q64" s="205"/>
      <c r="R64" s="205"/>
      <c r="S64" s="205"/>
      <c r="T64" s="205"/>
      <c r="U64" s="205"/>
      <c r="V64" s="205"/>
      <c r="W64" s="205"/>
      <c r="X64" s="205"/>
      <c r="Y64" s="205"/>
      <c r="Z64" s="205"/>
      <c r="AA64" s="205"/>
      <c r="AB64" s="205"/>
      <c r="AC64" s="205"/>
      <c r="AD64" s="205"/>
      <c r="AE64" s="205"/>
      <c r="AF64" s="205"/>
      <c r="AG64" s="205"/>
      <c r="AH64" s="205"/>
      <c r="AI64" s="205"/>
      <c r="AJ64" s="205"/>
      <c r="AK64" s="205"/>
      <c r="AL64" s="205"/>
      <c r="AM64" s="205"/>
      <c r="AN64" s="205"/>
      <c r="AO64" s="205"/>
      <c r="AP64" s="205"/>
      <c r="AQ64" s="205"/>
      <c r="AR64" s="205"/>
      <c r="AS64" s="205"/>
      <c r="AT64" s="205"/>
      <c r="AU64" s="205"/>
      <c r="AV64" s="205"/>
      <c r="AW64" s="205"/>
      <c r="AX64" s="205"/>
      <c r="AY64" s="205"/>
      <c r="AZ64" s="205"/>
    </row>
    <row r="65" spans="4:52" x14ac:dyDescent="0.55000000000000004">
      <c r="D65" s="205"/>
      <c r="E65" s="205"/>
      <c r="F65" s="205"/>
      <c r="G65" s="205"/>
      <c r="H65" s="205"/>
      <c r="I65" s="205"/>
      <c r="J65" s="205"/>
      <c r="K65" s="205"/>
      <c r="L65" s="205"/>
      <c r="M65" s="205"/>
      <c r="N65" s="205"/>
      <c r="O65" s="205"/>
      <c r="P65" s="205"/>
      <c r="Q65" s="205"/>
      <c r="R65" s="205"/>
      <c r="S65" s="205"/>
      <c r="T65" s="205"/>
      <c r="U65" s="205"/>
      <c r="V65" s="205"/>
      <c r="W65" s="205"/>
      <c r="X65" s="205"/>
      <c r="Y65" s="205"/>
      <c r="Z65" s="205"/>
      <c r="AA65" s="205"/>
      <c r="AB65" s="205"/>
      <c r="AC65" s="205"/>
      <c r="AD65" s="205"/>
      <c r="AE65" s="205"/>
      <c r="AF65" s="205"/>
      <c r="AG65" s="205"/>
      <c r="AH65" s="205"/>
      <c r="AI65" s="205"/>
      <c r="AJ65" s="205"/>
      <c r="AK65" s="205"/>
      <c r="AL65" s="205"/>
      <c r="AM65" s="205"/>
      <c r="AN65" s="205"/>
      <c r="AO65" s="205"/>
      <c r="AP65" s="205"/>
      <c r="AQ65" s="205"/>
      <c r="AR65" s="205"/>
      <c r="AS65" s="205"/>
      <c r="AT65" s="205"/>
      <c r="AU65" s="205"/>
      <c r="AV65" s="205"/>
      <c r="AW65" s="205"/>
      <c r="AX65" s="205"/>
      <c r="AY65" s="205"/>
      <c r="AZ65" s="205"/>
    </row>
    <row r="66" spans="4:52" x14ac:dyDescent="0.55000000000000004">
      <c r="D66" s="205"/>
      <c r="E66" s="205"/>
      <c r="F66" s="205"/>
      <c r="G66" s="205"/>
      <c r="H66" s="205"/>
      <c r="I66" s="205"/>
      <c r="J66" s="205"/>
      <c r="K66" s="205"/>
      <c r="L66" s="205"/>
      <c r="M66" s="205"/>
      <c r="N66" s="205"/>
      <c r="O66" s="205"/>
      <c r="P66" s="205"/>
      <c r="Q66" s="205"/>
      <c r="R66" s="205"/>
      <c r="S66" s="205"/>
      <c r="T66" s="205"/>
      <c r="U66" s="205"/>
      <c r="V66" s="205"/>
      <c r="W66" s="205"/>
      <c r="X66" s="205"/>
      <c r="Y66" s="205"/>
      <c r="Z66" s="205"/>
      <c r="AA66" s="205"/>
      <c r="AB66" s="205"/>
      <c r="AC66" s="205"/>
      <c r="AD66" s="205"/>
      <c r="AE66" s="205"/>
      <c r="AF66" s="205"/>
      <c r="AG66" s="205"/>
      <c r="AH66" s="205"/>
      <c r="AI66" s="205"/>
      <c r="AJ66" s="205"/>
      <c r="AK66" s="205"/>
      <c r="AL66" s="205"/>
      <c r="AM66" s="205"/>
      <c r="AN66" s="205"/>
      <c r="AO66" s="205"/>
      <c r="AP66" s="205"/>
      <c r="AQ66" s="205"/>
      <c r="AR66" s="205"/>
      <c r="AS66" s="205"/>
      <c r="AT66" s="205"/>
      <c r="AU66" s="205"/>
      <c r="AV66" s="205"/>
      <c r="AW66" s="205"/>
      <c r="AX66" s="205"/>
      <c r="AY66" s="205"/>
      <c r="AZ66" s="205"/>
    </row>
    <row r="67" spans="4:52" x14ac:dyDescent="0.55000000000000004">
      <c r="D67" s="205"/>
      <c r="E67" s="205"/>
      <c r="F67" s="205"/>
      <c r="G67" s="205"/>
      <c r="H67" s="205"/>
      <c r="I67" s="205"/>
      <c r="J67" s="205"/>
      <c r="K67" s="205"/>
      <c r="L67" s="205"/>
      <c r="M67" s="205"/>
      <c r="N67" s="205"/>
      <c r="O67" s="205"/>
      <c r="P67" s="205"/>
      <c r="Q67" s="205"/>
      <c r="R67" s="205"/>
      <c r="S67" s="205"/>
      <c r="T67" s="205"/>
      <c r="U67" s="205"/>
      <c r="V67" s="205"/>
      <c r="W67" s="205"/>
      <c r="X67" s="205"/>
      <c r="Y67" s="205"/>
      <c r="Z67" s="205"/>
      <c r="AA67" s="205"/>
      <c r="AB67" s="205"/>
      <c r="AC67" s="205"/>
      <c r="AD67" s="205"/>
      <c r="AE67" s="205"/>
      <c r="AF67" s="205"/>
      <c r="AG67" s="205"/>
      <c r="AH67" s="205"/>
      <c r="AI67" s="205"/>
      <c r="AJ67" s="205"/>
      <c r="AK67" s="205"/>
      <c r="AL67" s="205"/>
      <c r="AM67" s="205"/>
      <c r="AN67" s="205"/>
      <c r="AO67" s="205"/>
      <c r="AP67" s="205"/>
      <c r="AQ67" s="205"/>
      <c r="AR67" s="205"/>
      <c r="AS67" s="205"/>
      <c r="AT67" s="205"/>
      <c r="AU67" s="205"/>
      <c r="AV67" s="205"/>
      <c r="AW67" s="205"/>
      <c r="AX67" s="205"/>
      <c r="AY67" s="205"/>
      <c r="AZ67" s="205"/>
    </row>
    <row r="68" spans="4:52" x14ac:dyDescent="0.55000000000000004">
      <c r="D68" s="205"/>
      <c r="E68" s="205"/>
      <c r="F68" s="205"/>
      <c r="G68" s="205"/>
      <c r="H68" s="205"/>
      <c r="I68" s="205"/>
      <c r="J68" s="205"/>
      <c r="K68" s="205"/>
      <c r="L68" s="205"/>
      <c r="M68" s="205"/>
      <c r="N68" s="205"/>
      <c r="O68" s="205"/>
      <c r="P68" s="205"/>
      <c r="Q68" s="205"/>
      <c r="R68" s="205"/>
      <c r="S68" s="205"/>
      <c r="T68" s="205"/>
      <c r="U68" s="205"/>
      <c r="V68" s="205"/>
      <c r="W68" s="205"/>
      <c r="X68" s="205"/>
      <c r="Y68" s="205"/>
      <c r="Z68" s="205"/>
      <c r="AA68" s="205"/>
      <c r="AB68" s="205"/>
      <c r="AC68" s="205"/>
      <c r="AD68" s="205"/>
      <c r="AE68" s="205"/>
      <c r="AF68" s="205"/>
      <c r="AG68" s="205"/>
      <c r="AH68" s="205"/>
      <c r="AI68" s="205"/>
      <c r="AJ68" s="205"/>
      <c r="AK68" s="205"/>
      <c r="AL68" s="205"/>
      <c r="AM68" s="205"/>
      <c r="AN68" s="205"/>
      <c r="AO68" s="205"/>
      <c r="AP68" s="205"/>
      <c r="AQ68" s="205"/>
      <c r="AR68" s="205"/>
      <c r="AS68" s="205"/>
      <c r="AT68" s="205"/>
      <c r="AU68" s="205"/>
      <c r="AV68" s="205"/>
      <c r="AW68" s="205"/>
      <c r="AX68" s="205"/>
      <c r="AY68" s="205"/>
      <c r="AZ68" s="205"/>
    </row>
    <row r="69" spans="4:52" x14ac:dyDescent="0.55000000000000004">
      <c r="D69" s="205"/>
      <c r="E69" s="205"/>
      <c r="F69" s="205"/>
      <c r="G69" s="205"/>
      <c r="H69" s="205"/>
      <c r="I69" s="205"/>
      <c r="J69" s="205"/>
      <c r="K69" s="205"/>
      <c r="L69" s="205"/>
      <c r="M69" s="205"/>
      <c r="N69" s="205"/>
      <c r="O69" s="205"/>
      <c r="P69" s="205"/>
      <c r="Q69" s="205"/>
      <c r="R69" s="205"/>
      <c r="S69" s="205"/>
      <c r="T69" s="205"/>
      <c r="U69" s="205"/>
      <c r="V69" s="205"/>
      <c r="W69" s="205"/>
      <c r="X69" s="205"/>
      <c r="Y69" s="205"/>
      <c r="Z69" s="205"/>
      <c r="AA69" s="205"/>
      <c r="AB69" s="205"/>
      <c r="AC69" s="205"/>
      <c r="AD69" s="205"/>
      <c r="AE69" s="205"/>
      <c r="AF69" s="205"/>
      <c r="AG69" s="205"/>
      <c r="AH69" s="205"/>
      <c r="AI69" s="205"/>
      <c r="AJ69" s="205"/>
      <c r="AK69" s="205"/>
      <c r="AL69" s="205"/>
      <c r="AM69" s="205"/>
      <c r="AN69" s="205"/>
      <c r="AO69" s="205"/>
      <c r="AP69" s="205"/>
      <c r="AQ69" s="205"/>
      <c r="AR69" s="205"/>
      <c r="AS69" s="205"/>
      <c r="AT69" s="205"/>
      <c r="AU69" s="205"/>
      <c r="AV69" s="205"/>
      <c r="AW69" s="205"/>
      <c r="AX69" s="205"/>
      <c r="AY69" s="205"/>
      <c r="AZ69" s="205"/>
    </row>
    <row r="70" spans="4:52" x14ac:dyDescent="0.55000000000000004">
      <c r="D70" s="205"/>
      <c r="E70" s="205"/>
      <c r="F70" s="205"/>
      <c r="G70" s="205"/>
      <c r="H70" s="205"/>
      <c r="I70" s="205"/>
      <c r="J70" s="205"/>
      <c r="K70" s="205"/>
      <c r="L70" s="205"/>
      <c r="M70" s="205"/>
      <c r="N70" s="205"/>
      <c r="O70" s="205"/>
      <c r="P70" s="205"/>
      <c r="Q70" s="205"/>
      <c r="R70" s="205"/>
      <c r="S70" s="205"/>
      <c r="T70" s="205"/>
      <c r="U70" s="205"/>
      <c r="V70" s="205"/>
      <c r="W70" s="205"/>
      <c r="X70" s="205"/>
      <c r="Y70" s="205"/>
      <c r="Z70" s="205"/>
      <c r="AA70" s="205"/>
      <c r="AB70" s="205"/>
      <c r="AC70" s="205"/>
      <c r="AD70" s="205"/>
      <c r="AE70" s="205"/>
      <c r="AF70" s="205"/>
      <c r="AG70" s="205"/>
      <c r="AH70" s="205"/>
      <c r="AI70" s="205"/>
      <c r="AJ70" s="205"/>
      <c r="AK70" s="205"/>
      <c r="AL70" s="205"/>
      <c r="AM70" s="205"/>
      <c r="AN70" s="205"/>
      <c r="AO70" s="205"/>
      <c r="AP70" s="205"/>
      <c r="AQ70" s="205"/>
      <c r="AR70" s="205"/>
      <c r="AS70" s="205"/>
      <c r="AT70" s="205"/>
      <c r="AU70" s="205"/>
      <c r="AV70" s="205"/>
      <c r="AW70" s="205"/>
      <c r="AX70" s="205"/>
      <c r="AY70" s="205"/>
      <c r="AZ70" s="205"/>
    </row>
    <row r="71" spans="4:52" x14ac:dyDescent="0.55000000000000004">
      <c r="D71" s="205"/>
      <c r="E71" s="205"/>
      <c r="F71" s="205"/>
      <c r="G71" s="205"/>
      <c r="H71" s="205"/>
      <c r="I71" s="205"/>
      <c r="J71" s="205"/>
      <c r="K71" s="205"/>
      <c r="L71" s="205"/>
      <c r="M71" s="205"/>
      <c r="N71" s="205"/>
      <c r="O71" s="205"/>
      <c r="P71" s="205"/>
      <c r="Q71" s="205"/>
      <c r="R71" s="205"/>
      <c r="S71" s="205"/>
      <c r="T71" s="205"/>
      <c r="U71" s="205"/>
      <c r="V71" s="205"/>
      <c r="W71" s="205"/>
      <c r="X71" s="205"/>
      <c r="Y71" s="205"/>
      <c r="Z71" s="205"/>
      <c r="AA71" s="205"/>
      <c r="AB71" s="205"/>
      <c r="AC71" s="205"/>
      <c r="AD71" s="205"/>
      <c r="AE71" s="205"/>
      <c r="AF71" s="205"/>
      <c r="AG71" s="205"/>
      <c r="AH71" s="205"/>
      <c r="AI71" s="205"/>
      <c r="AJ71" s="205"/>
      <c r="AK71" s="205"/>
      <c r="AL71" s="205"/>
      <c r="AM71" s="205"/>
      <c r="AN71" s="205"/>
      <c r="AO71" s="205"/>
      <c r="AP71" s="205"/>
      <c r="AQ71" s="205"/>
      <c r="AR71" s="205"/>
      <c r="AS71" s="205"/>
      <c r="AT71" s="205"/>
      <c r="AU71" s="205"/>
      <c r="AV71" s="205"/>
      <c r="AW71" s="205"/>
      <c r="AX71" s="205"/>
      <c r="AY71" s="205"/>
      <c r="AZ71" s="205"/>
    </row>
    <row r="72" spans="4:52" x14ac:dyDescent="0.55000000000000004">
      <c r="D72" s="205"/>
      <c r="E72" s="205"/>
      <c r="F72" s="205"/>
      <c r="G72" s="205"/>
      <c r="H72" s="205"/>
      <c r="I72" s="205"/>
      <c r="J72" s="205"/>
      <c r="K72" s="205"/>
      <c r="L72" s="205"/>
      <c r="M72" s="205"/>
      <c r="N72" s="205"/>
      <c r="O72" s="205"/>
      <c r="P72" s="205"/>
      <c r="Q72" s="205"/>
      <c r="R72" s="205"/>
      <c r="S72" s="205"/>
      <c r="T72" s="205"/>
      <c r="U72" s="205"/>
      <c r="V72" s="205"/>
      <c r="W72" s="205"/>
      <c r="X72" s="205"/>
      <c r="Y72" s="205"/>
      <c r="Z72" s="205"/>
      <c r="AA72" s="205"/>
      <c r="AB72" s="205"/>
      <c r="AC72" s="205"/>
      <c r="AD72" s="205"/>
      <c r="AE72" s="205"/>
      <c r="AF72" s="205"/>
      <c r="AG72" s="205"/>
      <c r="AH72" s="205"/>
      <c r="AI72" s="205"/>
      <c r="AJ72" s="205"/>
      <c r="AK72" s="205"/>
      <c r="AL72" s="205"/>
      <c r="AM72" s="205"/>
      <c r="AN72" s="205"/>
      <c r="AO72" s="205"/>
      <c r="AP72" s="205"/>
      <c r="AQ72" s="205"/>
      <c r="AR72" s="205"/>
      <c r="AS72" s="205"/>
      <c r="AT72" s="205"/>
      <c r="AU72" s="205"/>
      <c r="AV72" s="205"/>
      <c r="AW72" s="205"/>
      <c r="AX72" s="205"/>
      <c r="AY72" s="205"/>
      <c r="AZ72" s="205"/>
    </row>
    <row r="73" spans="4:52" x14ac:dyDescent="0.55000000000000004">
      <c r="D73" s="205"/>
      <c r="E73" s="205"/>
      <c r="F73" s="205"/>
      <c r="G73" s="205"/>
      <c r="H73" s="205"/>
      <c r="I73" s="205"/>
      <c r="J73" s="205"/>
      <c r="K73" s="205"/>
      <c r="L73" s="205"/>
      <c r="M73" s="205"/>
      <c r="N73" s="205"/>
      <c r="O73" s="205"/>
      <c r="P73" s="205"/>
      <c r="Q73" s="205"/>
      <c r="R73" s="205"/>
      <c r="S73" s="205"/>
      <c r="T73" s="205"/>
      <c r="U73" s="205"/>
      <c r="V73" s="205"/>
      <c r="W73" s="205"/>
      <c r="X73" s="205"/>
      <c r="Y73" s="205"/>
      <c r="Z73" s="205"/>
      <c r="AA73" s="205"/>
      <c r="AB73" s="205"/>
      <c r="AC73" s="205"/>
      <c r="AD73" s="205"/>
      <c r="AE73" s="205"/>
      <c r="AF73" s="205"/>
      <c r="AG73" s="205"/>
      <c r="AH73" s="205"/>
      <c r="AI73" s="205"/>
      <c r="AJ73" s="205"/>
      <c r="AK73" s="205"/>
      <c r="AL73" s="205"/>
      <c r="AM73" s="205"/>
      <c r="AN73" s="205"/>
      <c r="AO73" s="205"/>
      <c r="AP73" s="205"/>
      <c r="AQ73" s="205"/>
      <c r="AR73" s="205"/>
      <c r="AS73" s="205"/>
      <c r="AT73" s="205"/>
      <c r="AU73" s="205"/>
      <c r="AV73" s="205"/>
      <c r="AW73" s="205"/>
      <c r="AX73" s="205"/>
      <c r="AY73" s="205"/>
      <c r="AZ73" s="205"/>
    </row>
    <row r="74" spans="4:52" x14ac:dyDescent="0.55000000000000004">
      <c r="D74" s="205"/>
      <c r="E74" s="205"/>
      <c r="F74" s="205"/>
      <c r="G74" s="205"/>
      <c r="H74" s="205"/>
      <c r="I74" s="205"/>
      <c r="J74" s="205"/>
      <c r="K74" s="205"/>
      <c r="L74" s="205"/>
      <c r="M74" s="205"/>
      <c r="N74" s="205"/>
      <c r="O74" s="205"/>
      <c r="P74" s="205"/>
      <c r="Q74" s="205"/>
      <c r="R74" s="205"/>
      <c r="S74" s="205"/>
      <c r="T74" s="205"/>
      <c r="U74" s="205"/>
      <c r="V74" s="205"/>
      <c r="W74" s="205"/>
      <c r="X74" s="205"/>
      <c r="Y74" s="205"/>
      <c r="Z74" s="205"/>
      <c r="AA74" s="205"/>
      <c r="AB74" s="205"/>
      <c r="AC74" s="205"/>
      <c r="AD74" s="205"/>
      <c r="AE74" s="205"/>
      <c r="AF74" s="205"/>
      <c r="AG74" s="205"/>
      <c r="AH74" s="205"/>
      <c r="AI74" s="205"/>
      <c r="AJ74" s="205"/>
      <c r="AK74" s="205"/>
      <c r="AL74" s="205"/>
      <c r="AM74" s="205"/>
      <c r="AN74" s="205"/>
      <c r="AO74" s="205"/>
      <c r="AP74" s="205"/>
      <c r="AQ74" s="205"/>
      <c r="AR74" s="205"/>
      <c r="AS74" s="205"/>
      <c r="AT74" s="205"/>
      <c r="AU74" s="205"/>
      <c r="AV74" s="205"/>
      <c r="AW74" s="205"/>
      <c r="AX74" s="205"/>
      <c r="AY74" s="205"/>
      <c r="AZ74" s="205"/>
    </row>
    <row r="75" spans="4:52" x14ac:dyDescent="0.55000000000000004">
      <c r="D75" s="205"/>
      <c r="E75" s="205"/>
      <c r="F75" s="205"/>
      <c r="G75" s="205"/>
      <c r="H75" s="205"/>
      <c r="I75" s="205"/>
      <c r="J75" s="205"/>
      <c r="K75" s="205"/>
      <c r="L75" s="205"/>
      <c r="M75" s="205"/>
      <c r="N75" s="205"/>
      <c r="O75" s="205"/>
      <c r="P75" s="205"/>
      <c r="Q75" s="205"/>
      <c r="R75" s="205"/>
      <c r="S75" s="205"/>
      <c r="T75" s="205"/>
      <c r="U75" s="205"/>
      <c r="V75" s="205"/>
      <c r="W75" s="205"/>
      <c r="X75" s="205"/>
      <c r="Y75" s="205"/>
      <c r="Z75" s="205"/>
      <c r="AA75" s="205"/>
      <c r="AB75" s="205"/>
      <c r="AC75" s="205"/>
      <c r="AD75" s="205"/>
      <c r="AE75" s="205"/>
      <c r="AF75" s="205"/>
      <c r="AG75" s="205"/>
      <c r="AH75" s="205"/>
      <c r="AI75" s="205"/>
      <c r="AJ75" s="205"/>
      <c r="AK75" s="205"/>
      <c r="AL75" s="205"/>
      <c r="AM75" s="205"/>
      <c r="AN75" s="205"/>
      <c r="AO75" s="205"/>
      <c r="AP75" s="205"/>
      <c r="AQ75" s="205"/>
      <c r="AR75" s="205"/>
      <c r="AS75" s="205"/>
      <c r="AT75" s="205"/>
      <c r="AU75" s="205"/>
      <c r="AV75" s="205"/>
      <c r="AW75" s="205"/>
      <c r="AX75" s="205"/>
      <c r="AY75" s="205"/>
      <c r="AZ75" s="205"/>
    </row>
    <row r="76" spans="4:52" x14ac:dyDescent="0.55000000000000004">
      <c r="D76" s="205"/>
      <c r="E76" s="205"/>
      <c r="F76" s="205"/>
      <c r="G76" s="205"/>
      <c r="H76" s="205"/>
      <c r="I76" s="205"/>
      <c r="J76" s="205"/>
      <c r="K76" s="205"/>
      <c r="L76" s="205"/>
      <c r="M76" s="205"/>
      <c r="N76" s="205"/>
      <c r="O76" s="205"/>
      <c r="P76" s="205"/>
      <c r="Q76" s="205"/>
      <c r="R76" s="205"/>
      <c r="S76" s="205"/>
      <c r="T76" s="205"/>
      <c r="U76" s="205"/>
      <c r="V76" s="205"/>
      <c r="W76" s="205"/>
      <c r="X76" s="205"/>
      <c r="Y76" s="205"/>
      <c r="Z76" s="205"/>
      <c r="AA76" s="205"/>
      <c r="AB76" s="205"/>
      <c r="AC76" s="205"/>
      <c r="AD76" s="205"/>
      <c r="AE76" s="205"/>
      <c r="AF76" s="205"/>
      <c r="AG76" s="205"/>
      <c r="AH76" s="205"/>
      <c r="AI76" s="205"/>
      <c r="AJ76" s="205"/>
      <c r="AK76" s="205"/>
      <c r="AL76" s="205"/>
      <c r="AM76" s="205"/>
      <c r="AN76" s="205"/>
      <c r="AO76" s="205"/>
      <c r="AP76" s="205"/>
      <c r="AQ76" s="205"/>
      <c r="AR76" s="205"/>
      <c r="AS76" s="205"/>
      <c r="AT76" s="205"/>
      <c r="AU76" s="205"/>
      <c r="AV76" s="205"/>
      <c r="AW76" s="205"/>
      <c r="AX76" s="205"/>
      <c r="AY76" s="205"/>
      <c r="AZ76" s="205"/>
    </row>
    <row r="77" spans="4:52" x14ac:dyDescent="0.55000000000000004">
      <c r="D77" s="205"/>
      <c r="E77" s="205"/>
      <c r="F77" s="205"/>
      <c r="G77" s="205"/>
      <c r="H77" s="205"/>
      <c r="I77" s="205"/>
      <c r="J77" s="205"/>
      <c r="K77" s="205"/>
      <c r="L77" s="205"/>
      <c r="M77" s="205"/>
      <c r="N77" s="205"/>
      <c r="O77" s="205"/>
      <c r="P77" s="205"/>
      <c r="Q77" s="205"/>
      <c r="R77" s="205"/>
      <c r="S77" s="205"/>
      <c r="T77" s="205"/>
      <c r="U77" s="205"/>
      <c r="V77" s="205"/>
      <c r="W77" s="205"/>
      <c r="X77" s="205"/>
      <c r="Y77" s="205"/>
      <c r="Z77" s="205"/>
      <c r="AA77" s="205"/>
      <c r="AB77" s="205"/>
      <c r="AC77" s="205"/>
      <c r="AD77" s="205"/>
      <c r="AE77" s="205"/>
      <c r="AF77" s="205"/>
      <c r="AG77" s="205"/>
      <c r="AH77" s="205"/>
      <c r="AI77" s="205"/>
      <c r="AJ77" s="205"/>
      <c r="AK77" s="205"/>
      <c r="AL77" s="205"/>
      <c r="AM77" s="205"/>
      <c r="AN77" s="205"/>
      <c r="AO77" s="205"/>
      <c r="AP77" s="205"/>
      <c r="AQ77" s="205"/>
      <c r="AR77" s="205"/>
      <c r="AS77" s="205"/>
      <c r="AT77" s="205"/>
      <c r="AU77" s="205"/>
      <c r="AV77" s="205"/>
      <c r="AW77" s="205"/>
      <c r="AX77" s="205"/>
      <c r="AY77" s="205"/>
      <c r="AZ77" s="205"/>
    </row>
    <row r="78" spans="4:52" x14ac:dyDescent="0.55000000000000004">
      <c r="D78" s="205"/>
      <c r="E78" s="205"/>
      <c r="F78" s="205"/>
      <c r="G78" s="205"/>
      <c r="H78" s="205"/>
      <c r="I78" s="205"/>
      <c r="J78" s="205"/>
      <c r="K78" s="205"/>
      <c r="L78" s="205"/>
      <c r="M78" s="205"/>
      <c r="N78" s="205"/>
      <c r="O78" s="205"/>
      <c r="P78" s="205"/>
      <c r="Q78" s="205"/>
      <c r="R78" s="205"/>
      <c r="S78" s="205"/>
      <c r="T78" s="205"/>
      <c r="U78" s="205"/>
      <c r="V78" s="205"/>
      <c r="W78" s="205"/>
      <c r="X78" s="205"/>
      <c r="Y78" s="205"/>
      <c r="Z78" s="205"/>
      <c r="AA78" s="205"/>
      <c r="AB78" s="205"/>
      <c r="AC78" s="205"/>
      <c r="AD78" s="205"/>
      <c r="AE78" s="205"/>
      <c r="AF78" s="205"/>
      <c r="AG78" s="205"/>
      <c r="AH78" s="205"/>
      <c r="AI78" s="205"/>
      <c r="AJ78" s="205"/>
      <c r="AK78" s="205"/>
      <c r="AL78" s="205"/>
      <c r="AM78" s="205"/>
      <c r="AN78" s="205"/>
      <c r="AO78" s="205"/>
      <c r="AP78" s="205"/>
      <c r="AQ78" s="205"/>
      <c r="AR78" s="205"/>
      <c r="AS78" s="205"/>
      <c r="AT78" s="205"/>
      <c r="AU78" s="205"/>
      <c r="AV78" s="205"/>
      <c r="AW78" s="205"/>
      <c r="AX78" s="205"/>
      <c r="AY78" s="205"/>
      <c r="AZ78" s="205"/>
    </row>
    <row r="79" spans="4:52" x14ac:dyDescent="0.55000000000000004">
      <c r="D79" s="205"/>
      <c r="E79" s="205"/>
      <c r="F79" s="205"/>
      <c r="G79" s="205"/>
      <c r="H79" s="205"/>
      <c r="I79" s="205"/>
      <c r="J79" s="205"/>
      <c r="K79" s="205"/>
      <c r="L79" s="205"/>
      <c r="M79" s="205"/>
      <c r="N79" s="205"/>
      <c r="O79" s="205"/>
      <c r="P79" s="205"/>
      <c r="Q79" s="205"/>
      <c r="R79" s="205"/>
      <c r="S79" s="205"/>
      <c r="T79" s="205"/>
      <c r="U79" s="205"/>
      <c r="V79" s="205"/>
      <c r="W79" s="205"/>
      <c r="X79" s="205"/>
      <c r="Y79" s="205"/>
      <c r="Z79" s="205"/>
      <c r="AA79" s="205"/>
      <c r="AB79" s="205"/>
      <c r="AC79" s="205"/>
      <c r="AD79" s="205"/>
      <c r="AE79" s="205"/>
      <c r="AF79" s="205"/>
      <c r="AG79" s="205"/>
      <c r="AH79" s="205"/>
      <c r="AI79" s="205"/>
      <c r="AJ79" s="205"/>
      <c r="AK79" s="205"/>
      <c r="AL79" s="205"/>
      <c r="AM79" s="205"/>
      <c r="AN79" s="205"/>
      <c r="AO79" s="205"/>
      <c r="AP79" s="205"/>
      <c r="AQ79" s="205"/>
      <c r="AR79" s="205"/>
      <c r="AS79" s="205"/>
      <c r="AT79" s="205"/>
      <c r="AU79" s="205"/>
      <c r="AV79" s="205"/>
      <c r="AW79" s="205"/>
      <c r="AX79" s="205"/>
      <c r="AY79" s="205"/>
      <c r="AZ79" s="205"/>
    </row>
    <row r="80" spans="4:52" x14ac:dyDescent="0.55000000000000004">
      <c r="D80" s="205"/>
      <c r="E80" s="205"/>
      <c r="F80" s="205"/>
      <c r="G80" s="205"/>
      <c r="H80" s="205"/>
      <c r="I80" s="205"/>
      <c r="J80" s="205"/>
      <c r="K80" s="205"/>
      <c r="L80" s="205"/>
      <c r="M80" s="205"/>
      <c r="N80" s="205"/>
      <c r="O80" s="205"/>
      <c r="P80" s="205"/>
      <c r="Q80" s="205"/>
      <c r="R80" s="205"/>
      <c r="S80" s="205"/>
      <c r="T80" s="205"/>
      <c r="U80" s="205"/>
      <c r="V80" s="205"/>
      <c r="W80" s="205"/>
      <c r="X80" s="205"/>
      <c r="Y80" s="205"/>
      <c r="Z80" s="205"/>
      <c r="AA80" s="205"/>
      <c r="AB80" s="205"/>
      <c r="AC80" s="205"/>
      <c r="AD80" s="205"/>
      <c r="AE80" s="205"/>
      <c r="AF80" s="205"/>
      <c r="AG80" s="205"/>
      <c r="AH80" s="205"/>
      <c r="AI80" s="205"/>
      <c r="AJ80" s="205"/>
      <c r="AK80" s="205"/>
      <c r="AL80" s="205"/>
      <c r="AM80" s="205"/>
      <c r="AN80" s="205"/>
      <c r="AO80" s="205"/>
      <c r="AP80" s="205"/>
      <c r="AQ80" s="205"/>
      <c r="AR80" s="205"/>
      <c r="AS80" s="205"/>
      <c r="AT80" s="205"/>
      <c r="AU80" s="205"/>
      <c r="AV80" s="205"/>
      <c r="AW80" s="205"/>
      <c r="AX80" s="205"/>
      <c r="AY80" s="205"/>
      <c r="AZ80" s="205"/>
    </row>
    <row r="81" spans="4:52" x14ac:dyDescent="0.55000000000000004">
      <c r="D81" s="205"/>
      <c r="E81" s="205"/>
      <c r="F81" s="205"/>
      <c r="G81" s="205"/>
      <c r="H81" s="205"/>
      <c r="I81" s="205"/>
      <c r="J81" s="205"/>
      <c r="K81" s="205"/>
      <c r="L81" s="205"/>
      <c r="M81" s="205"/>
      <c r="N81" s="205"/>
      <c r="O81" s="205"/>
      <c r="P81" s="205"/>
      <c r="Q81" s="205"/>
      <c r="R81" s="205"/>
      <c r="S81" s="205"/>
      <c r="T81" s="205"/>
      <c r="U81" s="205"/>
      <c r="V81" s="205"/>
      <c r="W81" s="205"/>
      <c r="X81" s="205"/>
      <c r="Y81" s="205"/>
      <c r="Z81" s="205"/>
      <c r="AA81" s="205"/>
      <c r="AB81" s="205"/>
      <c r="AC81" s="205"/>
      <c r="AD81" s="205"/>
      <c r="AE81" s="205"/>
      <c r="AF81" s="205"/>
      <c r="AG81" s="205"/>
      <c r="AH81" s="205"/>
      <c r="AI81" s="205"/>
      <c r="AJ81" s="205"/>
      <c r="AK81" s="205"/>
      <c r="AL81" s="205"/>
      <c r="AM81" s="205"/>
      <c r="AN81" s="205"/>
      <c r="AO81" s="205"/>
      <c r="AP81" s="205"/>
      <c r="AQ81" s="205"/>
      <c r="AR81" s="205"/>
      <c r="AS81" s="205"/>
      <c r="AT81" s="205"/>
      <c r="AU81" s="205"/>
      <c r="AV81" s="205"/>
      <c r="AW81" s="205"/>
      <c r="AX81" s="205"/>
      <c r="AY81" s="205"/>
      <c r="AZ81" s="205"/>
    </row>
    <row r="82" spans="4:52" x14ac:dyDescent="0.55000000000000004">
      <c r="D82" s="205"/>
      <c r="E82" s="205"/>
      <c r="F82" s="205"/>
      <c r="G82" s="205"/>
      <c r="H82" s="205"/>
      <c r="I82" s="205"/>
      <c r="J82" s="205"/>
      <c r="K82" s="205"/>
      <c r="L82" s="205"/>
      <c r="M82" s="205"/>
      <c r="N82" s="205"/>
      <c r="O82" s="205"/>
      <c r="P82" s="205"/>
      <c r="Q82" s="205"/>
      <c r="R82" s="205"/>
      <c r="S82" s="205"/>
      <c r="T82" s="205"/>
      <c r="U82" s="205"/>
      <c r="V82" s="205"/>
      <c r="W82" s="205"/>
      <c r="X82" s="205"/>
      <c r="Y82" s="205"/>
      <c r="Z82" s="205"/>
      <c r="AA82" s="205"/>
      <c r="AB82" s="205"/>
      <c r="AC82" s="205"/>
      <c r="AD82" s="205"/>
      <c r="AE82" s="205"/>
      <c r="AF82" s="205"/>
      <c r="AG82" s="205"/>
      <c r="AH82" s="205"/>
      <c r="AI82" s="205"/>
      <c r="AJ82" s="205"/>
      <c r="AK82" s="205"/>
      <c r="AL82" s="205"/>
      <c r="AM82" s="205"/>
      <c r="AN82" s="205"/>
      <c r="AO82" s="205"/>
      <c r="AP82" s="205"/>
      <c r="AQ82" s="205"/>
      <c r="AR82" s="205"/>
      <c r="AS82" s="205"/>
      <c r="AT82" s="205"/>
      <c r="AU82" s="205"/>
      <c r="AV82" s="205"/>
      <c r="AW82" s="205"/>
      <c r="AX82" s="205"/>
      <c r="AY82" s="205"/>
      <c r="AZ82" s="205"/>
    </row>
    <row r="83" spans="4:52" x14ac:dyDescent="0.55000000000000004">
      <c r="D83" s="205"/>
      <c r="E83" s="205"/>
      <c r="F83" s="205"/>
      <c r="G83" s="205"/>
      <c r="H83" s="205"/>
      <c r="I83" s="205"/>
      <c r="J83" s="205"/>
      <c r="K83" s="205"/>
      <c r="L83" s="205"/>
      <c r="M83" s="205"/>
      <c r="N83" s="205"/>
      <c r="O83" s="205"/>
      <c r="P83" s="205"/>
      <c r="Q83" s="205"/>
      <c r="R83" s="205"/>
      <c r="S83" s="205"/>
      <c r="T83" s="205"/>
      <c r="U83" s="205"/>
      <c r="V83" s="205"/>
      <c r="W83" s="205"/>
      <c r="X83" s="205"/>
      <c r="Y83" s="205"/>
      <c r="Z83" s="205"/>
      <c r="AA83" s="205"/>
      <c r="AB83" s="205"/>
      <c r="AC83" s="205"/>
      <c r="AD83" s="205"/>
      <c r="AE83" s="205"/>
      <c r="AF83" s="205"/>
      <c r="AG83" s="205"/>
      <c r="AH83" s="205"/>
      <c r="AI83" s="205"/>
      <c r="AJ83" s="205"/>
      <c r="AK83" s="205"/>
      <c r="AL83" s="205"/>
      <c r="AM83" s="205"/>
      <c r="AN83" s="205"/>
      <c r="AO83" s="205"/>
      <c r="AP83" s="205"/>
      <c r="AQ83" s="205"/>
      <c r="AR83" s="205"/>
      <c r="AS83" s="205"/>
      <c r="AT83" s="205"/>
      <c r="AU83" s="205"/>
      <c r="AV83" s="205"/>
      <c r="AW83" s="205"/>
      <c r="AX83" s="205"/>
      <c r="AY83" s="205"/>
      <c r="AZ83" s="205"/>
    </row>
    <row r="84" spans="4:52" x14ac:dyDescent="0.55000000000000004">
      <c r="D84" s="205"/>
      <c r="E84" s="205"/>
      <c r="F84" s="205"/>
      <c r="G84" s="205"/>
      <c r="H84" s="205"/>
      <c r="I84" s="205"/>
      <c r="J84" s="205"/>
      <c r="K84" s="205"/>
      <c r="L84" s="205"/>
      <c r="M84" s="205"/>
      <c r="N84" s="205"/>
      <c r="O84" s="205"/>
      <c r="P84" s="205"/>
      <c r="Q84" s="205"/>
      <c r="R84" s="205"/>
      <c r="S84" s="205"/>
      <c r="T84" s="205"/>
      <c r="U84" s="205"/>
      <c r="V84" s="205"/>
      <c r="W84" s="205"/>
      <c r="X84" s="205"/>
      <c r="Y84" s="205"/>
      <c r="Z84" s="205"/>
      <c r="AA84" s="205"/>
      <c r="AB84" s="205"/>
      <c r="AC84" s="205"/>
      <c r="AD84" s="205"/>
      <c r="AE84" s="205"/>
      <c r="AF84" s="205"/>
      <c r="AG84" s="205"/>
      <c r="AH84" s="205"/>
      <c r="AI84" s="205"/>
      <c r="AJ84" s="205"/>
      <c r="AK84" s="205"/>
      <c r="AL84" s="205"/>
      <c r="AM84" s="205"/>
      <c r="AN84" s="205"/>
      <c r="AO84" s="205"/>
      <c r="AP84" s="205"/>
      <c r="AQ84" s="205"/>
      <c r="AR84" s="205"/>
      <c r="AS84" s="205"/>
      <c r="AT84" s="205"/>
      <c r="AU84" s="205"/>
      <c r="AV84" s="205"/>
      <c r="AW84" s="205"/>
      <c r="AX84" s="205"/>
      <c r="AY84" s="205"/>
      <c r="AZ84" s="205"/>
    </row>
    <row r="85" spans="4:52" x14ac:dyDescent="0.55000000000000004">
      <c r="D85" s="205"/>
      <c r="E85" s="205"/>
      <c r="F85" s="205"/>
      <c r="G85" s="205"/>
      <c r="H85" s="205"/>
      <c r="I85" s="205"/>
      <c r="J85" s="205"/>
      <c r="K85" s="205"/>
      <c r="L85" s="205"/>
      <c r="M85" s="205"/>
      <c r="N85" s="205"/>
      <c r="O85" s="205"/>
      <c r="P85" s="205"/>
      <c r="Q85" s="205"/>
      <c r="R85" s="205"/>
      <c r="S85" s="205"/>
      <c r="T85" s="205"/>
      <c r="U85" s="205"/>
      <c r="V85" s="205"/>
      <c r="W85" s="205"/>
      <c r="X85" s="205"/>
      <c r="Y85" s="205"/>
      <c r="Z85" s="205"/>
      <c r="AA85" s="205"/>
      <c r="AB85" s="205"/>
      <c r="AC85" s="205"/>
      <c r="AD85" s="205"/>
      <c r="AE85" s="205"/>
      <c r="AF85" s="205"/>
      <c r="AG85" s="205"/>
      <c r="AH85" s="205"/>
      <c r="AI85" s="205"/>
      <c r="AJ85" s="205"/>
      <c r="AK85" s="205"/>
      <c r="AL85" s="205"/>
      <c r="AM85" s="205"/>
      <c r="AN85" s="205"/>
      <c r="AO85" s="205"/>
      <c r="AP85" s="205"/>
      <c r="AQ85" s="205"/>
      <c r="AR85" s="205"/>
      <c r="AS85" s="205"/>
      <c r="AT85" s="205"/>
      <c r="AU85" s="205"/>
      <c r="AV85" s="205"/>
      <c r="AW85" s="205"/>
      <c r="AX85" s="205"/>
      <c r="AY85" s="205"/>
      <c r="AZ85" s="205"/>
    </row>
    <row r="86" spans="4:52" x14ac:dyDescent="0.55000000000000004">
      <c r="D86" s="205"/>
      <c r="E86" s="205"/>
      <c r="F86" s="205"/>
      <c r="G86" s="205"/>
      <c r="H86" s="205"/>
      <c r="I86" s="205"/>
      <c r="J86" s="205"/>
      <c r="K86" s="205"/>
      <c r="L86" s="205"/>
      <c r="M86" s="205"/>
      <c r="N86" s="205"/>
      <c r="O86" s="205"/>
      <c r="P86" s="205"/>
      <c r="Q86" s="205"/>
      <c r="R86" s="205"/>
      <c r="S86" s="205"/>
      <c r="T86" s="205"/>
      <c r="U86" s="205"/>
      <c r="V86" s="205"/>
      <c r="W86" s="205"/>
      <c r="X86" s="205"/>
      <c r="Y86" s="205"/>
      <c r="Z86" s="205"/>
      <c r="AA86" s="205"/>
      <c r="AB86" s="205"/>
      <c r="AC86" s="205"/>
      <c r="AD86" s="205"/>
      <c r="AE86" s="205"/>
      <c r="AF86" s="205"/>
      <c r="AG86" s="205"/>
      <c r="AH86" s="205"/>
      <c r="AI86" s="205"/>
      <c r="AJ86" s="205"/>
      <c r="AK86" s="205"/>
      <c r="AL86" s="205"/>
      <c r="AM86" s="205"/>
      <c r="AN86" s="205"/>
      <c r="AO86" s="205"/>
      <c r="AP86" s="205"/>
      <c r="AQ86" s="205"/>
      <c r="AR86" s="205"/>
      <c r="AS86" s="205"/>
      <c r="AT86" s="205"/>
      <c r="AU86" s="205"/>
      <c r="AV86" s="205"/>
      <c r="AW86" s="205"/>
      <c r="AX86" s="205"/>
      <c r="AY86" s="205"/>
      <c r="AZ86" s="205"/>
    </row>
    <row r="87" spans="4:52" x14ac:dyDescent="0.55000000000000004">
      <c r="D87" s="205"/>
      <c r="E87" s="205"/>
      <c r="F87" s="205"/>
      <c r="G87" s="205"/>
      <c r="H87" s="205"/>
      <c r="I87" s="205"/>
      <c r="J87" s="205"/>
      <c r="K87" s="205"/>
      <c r="L87" s="205"/>
      <c r="M87" s="205"/>
      <c r="N87" s="205"/>
      <c r="O87" s="205"/>
      <c r="P87" s="205"/>
      <c r="Q87" s="205"/>
      <c r="R87" s="205"/>
      <c r="S87" s="205"/>
      <c r="T87" s="205"/>
      <c r="U87" s="205"/>
      <c r="V87" s="205"/>
      <c r="W87" s="205"/>
      <c r="X87" s="205"/>
      <c r="Y87" s="205"/>
      <c r="Z87" s="205"/>
      <c r="AA87" s="205"/>
      <c r="AB87" s="205"/>
      <c r="AC87" s="205"/>
      <c r="AD87" s="205"/>
      <c r="AE87" s="205"/>
      <c r="AF87" s="205"/>
      <c r="AG87" s="205"/>
      <c r="AH87" s="205"/>
      <c r="AI87" s="205"/>
      <c r="AJ87" s="205"/>
      <c r="AK87" s="205"/>
      <c r="AL87" s="205"/>
      <c r="AM87" s="205"/>
      <c r="AN87" s="205"/>
      <c r="AO87" s="205"/>
      <c r="AP87" s="205"/>
      <c r="AQ87" s="205"/>
      <c r="AR87" s="205"/>
      <c r="AS87" s="205"/>
      <c r="AT87" s="205"/>
      <c r="AU87" s="205"/>
      <c r="AV87" s="205"/>
      <c r="AW87" s="205"/>
      <c r="AX87" s="205"/>
      <c r="AY87" s="205"/>
      <c r="AZ87" s="205"/>
    </row>
    <row r="88" spans="4:52" x14ac:dyDescent="0.55000000000000004">
      <c r="D88" s="205"/>
      <c r="E88" s="205"/>
      <c r="F88" s="205"/>
      <c r="G88" s="205"/>
      <c r="H88" s="205"/>
      <c r="I88" s="205"/>
      <c r="J88" s="205"/>
      <c r="K88" s="205"/>
      <c r="L88" s="205"/>
      <c r="M88" s="205"/>
      <c r="N88" s="205"/>
      <c r="O88" s="205"/>
      <c r="P88" s="205"/>
      <c r="Q88" s="205"/>
      <c r="R88" s="205"/>
      <c r="S88" s="205"/>
      <c r="T88" s="205"/>
      <c r="U88" s="205"/>
      <c r="V88" s="205"/>
      <c r="W88" s="205"/>
      <c r="X88" s="205"/>
      <c r="Y88" s="205"/>
      <c r="Z88" s="205"/>
      <c r="AA88" s="205"/>
      <c r="AB88" s="205"/>
      <c r="AC88" s="205"/>
      <c r="AD88" s="205"/>
      <c r="AE88" s="205"/>
      <c r="AF88" s="205"/>
      <c r="AG88" s="205"/>
      <c r="AH88" s="205"/>
      <c r="AI88" s="205"/>
      <c r="AJ88" s="205"/>
      <c r="AK88" s="205"/>
      <c r="AL88" s="205"/>
      <c r="AM88" s="205"/>
      <c r="AN88" s="205"/>
      <c r="AO88" s="205"/>
      <c r="AP88" s="205"/>
      <c r="AQ88" s="205"/>
      <c r="AR88" s="205"/>
      <c r="AS88" s="205"/>
      <c r="AT88" s="205"/>
      <c r="AU88" s="205"/>
      <c r="AV88" s="205"/>
      <c r="AW88" s="205"/>
      <c r="AX88" s="205"/>
      <c r="AY88" s="205"/>
      <c r="AZ88" s="205"/>
    </row>
    <row r="89" spans="4:52" x14ac:dyDescent="0.55000000000000004">
      <c r="D89" s="205"/>
      <c r="E89" s="205"/>
      <c r="F89" s="205"/>
      <c r="G89" s="205"/>
      <c r="H89" s="205"/>
      <c r="I89" s="205"/>
      <c r="J89" s="205"/>
      <c r="K89" s="205"/>
      <c r="L89" s="205"/>
      <c r="M89" s="205"/>
      <c r="N89" s="205"/>
      <c r="O89" s="205"/>
      <c r="P89" s="205"/>
      <c r="Q89" s="205"/>
      <c r="R89" s="205"/>
      <c r="S89" s="205"/>
      <c r="T89" s="205"/>
      <c r="U89" s="205"/>
      <c r="V89" s="205"/>
      <c r="W89" s="205"/>
      <c r="X89" s="205"/>
      <c r="Y89" s="205"/>
      <c r="Z89" s="205"/>
      <c r="AA89" s="205"/>
      <c r="AB89" s="205"/>
      <c r="AC89" s="205"/>
      <c r="AD89" s="205"/>
      <c r="AE89" s="205"/>
      <c r="AF89" s="205"/>
      <c r="AG89" s="205"/>
      <c r="AH89" s="205"/>
      <c r="AI89" s="205"/>
      <c r="AJ89" s="205"/>
      <c r="AK89" s="205"/>
      <c r="AL89" s="205"/>
      <c r="AM89" s="205"/>
      <c r="AN89" s="205"/>
      <c r="AO89" s="205"/>
      <c r="AP89" s="205"/>
      <c r="AQ89" s="205"/>
      <c r="AR89" s="205"/>
      <c r="AS89" s="205"/>
      <c r="AT89" s="205"/>
      <c r="AU89" s="205"/>
      <c r="AV89" s="205"/>
      <c r="AW89" s="205"/>
      <c r="AX89" s="205"/>
      <c r="AY89" s="205"/>
      <c r="AZ89" s="205"/>
    </row>
    <row r="90" spans="4:52" x14ac:dyDescent="0.55000000000000004">
      <c r="D90" s="205"/>
      <c r="E90" s="205"/>
      <c r="F90" s="205"/>
      <c r="G90" s="205"/>
      <c r="H90" s="205"/>
      <c r="I90" s="205"/>
      <c r="J90" s="205"/>
      <c r="K90" s="205"/>
      <c r="L90" s="205"/>
      <c r="M90" s="205"/>
      <c r="N90" s="205"/>
      <c r="O90" s="205"/>
      <c r="P90" s="205"/>
      <c r="Q90" s="205"/>
      <c r="R90" s="205"/>
      <c r="S90" s="205"/>
      <c r="T90" s="205"/>
      <c r="U90" s="205"/>
      <c r="V90" s="205"/>
      <c r="W90" s="205"/>
      <c r="X90" s="205"/>
      <c r="Y90" s="205"/>
      <c r="Z90" s="205"/>
      <c r="AA90" s="205"/>
      <c r="AB90" s="205"/>
      <c r="AC90" s="205"/>
      <c r="AD90" s="205"/>
      <c r="AE90" s="205"/>
      <c r="AF90" s="205"/>
      <c r="AG90" s="205"/>
      <c r="AH90" s="205"/>
      <c r="AI90" s="205"/>
      <c r="AJ90" s="205"/>
      <c r="AK90" s="205"/>
      <c r="AL90" s="205"/>
      <c r="AM90" s="205"/>
      <c r="AN90" s="205"/>
      <c r="AO90" s="205"/>
      <c r="AP90" s="205"/>
      <c r="AQ90" s="205"/>
      <c r="AR90" s="205"/>
      <c r="AS90" s="205"/>
      <c r="AT90" s="205"/>
      <c r="AU90" s="205"/>
      <c r="AV90" s="205"/>
      <c r="AW90" s="205"/>
      <c r="AX90" s="205"/>
      <c r="AY90" s="205"/>
      <c r="AZ90" s="205"/>
    </row>
    <row r="91" spans="4:52" x14ac:dyDescent="0.55000000000000004">
      <c r="D91" s="205"/>
      <c r="E91" s="205"/>
      <c r="F91" s="205"/>
      <c r="G91" s="205"/>
      <c r="H91" s="205"/>
      <c r="I91" s="205"/>
      <c r="J91" s="205"/>
      <c r="K91" s="205"/>
      <c r="L91" s="205"/>
      <c r="M91" s="205"/>
      <c r="N91" s="205"/>
      <c r="O91" s="205"/>
      <c r="P91" s="205"/>
      <c r="Q91" s="205"/>
      <c r="R91" s="205"/>
      <c r="S91" s="205"/>
      <c r="T91" s="205"/>
      <c r="U91" s="205"/>
      <c r="V91" s="205"/>
      <c r="W91" s="205"/>
      <c r="X91" s="205"/>
      <c r="Y91" s="205"/>
      <c r="Z91" s="205"/>
      <c r="AA91" s="205"/>
      <c r="AB91" s="205"/>
      <c r="AC91" s="205"/>
      <c r="AD91" s="205"/>
      <c r="AE91" s="205"/>
      <c r="AF91" s="205"/>
      <c r="AG91" s="205"/>
      <c r="AH91" s="205"/>
      <c r="AI91" s="205"/>
      <c r="AJ91" s="205"/>
      <c r="AK91" s="205"/>
      <c r="AL91" s="205"/>
      <c r="AM91" s="205"/>
      <c r="AN91" s="205"/>
      <c r="AO91" s="205"/>
      <c r="AP91" s="205"/>
      <c r="AQ91" s="205"/>
      <c r="AR91" s="205"/>
      <c r="AS91" s="205"/>
      <c r="AT91" s="205"/>
      <c r="AU91" s="205"/>
      <c r="AV91" s="205"/>
      <c r="AW91" s="205"/>
      <c r="AX91" s="205"/>
      <c r="AY91" s="205"/>
      <c r="AZ91" s="205"/>
    </row>
    <row r="92" spans="4:52" x14ac:dyDescent="0.55000000000000004">
      <c r="D92" s="205"/>
      <c r="E92" s="205"/>
      <c r="F92" s="205"/>
      <c r="G92" s="205"/>
      <c r="H92" s="205"/>
      <c r="I92" s="205"/>
      <c r="J92" s="205"/>
      <c r="K92" s="205"/>
      <c r="L92" s="205"/>
      <c r="M92" s="205"/>
      <c r="N92" s="205"/>
      <c r="O92" s="205"/>
      <c r="P92" s="205"/>
      <c r="Q92" s="205"/>
      <c r="R92" s="205"/>
      <c r="S92" s="205"/>
      <c r="T92" s="205"/>
      <c r="U92" s="205"/>
      <c r="V92" s="205"/>
      <c r="W92" s="205"/>
      <c r="X92" s="205"/>
      <c r="Y92" s="205"/>
      <c r="Z92" s="205"/>
      <c r="AA92" s="205"/>
      <c r="AB92" s="205"/>
      <c r="AC92" s="205"/>
      <c r="AD92" s="205"/>
      <c r="AE92" s="205"/>
      <c r="AF92" s="205"/>
      <c r="AG92" s="205"/>
      <c r="AH92" s="205"/>
      <c r="AI92" s="205"/>
      <c r="AJ92" s="205"/>
      <c r="AK92" s="205"/>
      <c r="AL92" s="205"/>
      <c r="AM92" s="205"/>
      <c r="AN92" s="205"/>
      <c r="AO92" s="205"/>
      <c r="AP92" s="205"/>
      <c r="AQ92" s="205"/>
      <c r="AR92" s="205"/>
      <c r="AS92" s="205"/>
      <c r="AT92" s="205"/>
      <c r="AU92" s="205"/>
      <c r="AV92" s="205"/>
      <c r="AW92" s="205"/>
      <c r="AX92" s="205"/>
      <c r="AY92" s="205"/>
      <c r="AZ92" s="205"/>
    </row>
    <row r="93" spans="4:52" x14ac:dyDescent="0.55000000000000004">
      <c r="D93" s="205"/>
      <c r="E93" s="205"/>
      <c r="F93" s="205"/>
      <c r="G93" s="205"/>
      <c r="H93" s="205"/>
      <c r="I93" s="205"/>
      <c r="J93" s="205"/>
      <c r="K93" s="205"/>
      <c r="L93" s="205"/>
      <c r="M93" s="205"/>
      <c r="N93" s="205"/>
      <c r="O93" s="205"/>
      <c r="P93" s="205"/>
      <c r="Q93" s="205"/>
      <c r="R93" s="205"/>
      <c r="S93" s="205"/>
      <c r="T93" s="205"/>
      <c r="U93" s="205"/>
      <c r="V93" s="205"/>
      <c r="W93" s="205"/>
      <c r="X93" s="205"/>
      <c r="Y93" s="205"/>
      <c r="Z93" s="205"/>
      <c r="AA93" s="205"/>
      <c r="AB93" s="205"/>
      <c r="AC93" s="205"/>
      <c r="AD93" s="205"/>
      <c r="AE93" s="205"/>
      <c r="AF93" s="205"/>
      <c r="AG93" s="205"/>
      <c r="AH93" s="205"/>
      <c r="AI93" s="205"/>
      <c r="AJ93" s="205"/>
      <c r="AK93" s="205"/>
      <c r="AL93" s="205"/>
      <c r="AM93" s="205"/>
      <c r="AN93" s="205"/>
      <c r="AO93" s="205"/>
      <c r="AP93" s="205"/>
      <c r="AQ93" s="205"/>
      <c r="AR93" s="205"/>
      <c r="AS93" s="205"/>
      <c r="AT93" s="205"/>
      <c r="AU93" s="205"/>
      <c r="AV93" s="205"/>
      <c r="AW93" s="205"/>
      <c r="AX93" s="205"/>
      <c r="AY93" s="205"/>
      <c r="AZ93" s="205"/>
    </row>
    <row r="94" spans="4:52" x14ac:dyDescent="0.55000000000000004">
      <c r="D94" s="205"/>
      <c r="E94" s="205"/>
      <c r="F94" s="205"/>
      <c r="G94" s="205"/>
      <c r="H94" s="205"/>
      <c r="I94" s="205"/>
      <c r="J94" s="205"/>
      <c r="K94" s="205"/>
      <c r="L94" s="205"/>
      <c r="M94" s="205"/>
      <c r="N94" s="205"/>
      <c r="O94" s="205"/>
      <c r="P94" s="205"/>
      <c r="Q94" s="205"/>
      <c r="R94" s="205"/>
      <c r="S94" s="205"/>
      <c r="T94" s="205"/>
      <c r="U94" s="205"/>
      <c r="V94" s="205"/>
      <c r="W94" s="205"/>
      <c r="X94" s="205"/>
      <c r="Y94" s="205"/>
      <c r="Z94" s="205"/>
      <c r="AA94" s="205"/>
      <c r="AB94" s="205"/>
      <c r="AC94" s="205"/>
      <c r="AD94" s="205"/>
      <c r="AE94" s="205"/>
      <c r="AF94" s="205"/>
      <c r="AG94" s="205"/>
      <c r="AH94" s="205"/>
      <c r="AI94" s="205"/>
      <c r="AJ94" s="205"/>
      <c r="AK94" s="205"/>
      <c r="AL94" s="205"/>
      <c r="AM94" s="205"/>
      <c r="AN94" s="205"/>
      <c r="AO94" s="205"/>
      <c r="AP94" s="205"/>
      <c r="AQ94" s="205"/>
      <c r="AR94" s="205"/>
      <c r="AS94" s="205"/>
      <c r="AT94" s="205"/>
      <c r="AU94" s="205"/>
      <c r="AV94" s="205"/>
      <c r="AW94" s="205"/>
      <c r="AX94" s="205"/>
      <c r="AY94" s="205"/>
      <c r="AZ94" s="205"/>
    </row>
    <row r="95" spans="4:52" x14ac:dyDescent="0.55000000000000004">
      <c r="D95" s="205"/>
      <c r="E95" s="205"/>
      <c r="F95" s="205"/>
      <c r="G95" s="205"/>
      <c r="H95" s="205"/>
      <c r="I95" s="205"/>
      <c r="J95" s="205"/>
      <c r="K95" s="205"/>
      <c r="L95" s="205"/>
      <c r="M95" s="205"/>
      <c r="N95" s="205"/>
      <c r="O95" s="205"/>
      <c r="P95" s="205"/>
      <c r="Q95" s="205"/>
      <c r="R95" s="205"/>
      <c r="S95" s="205"/>
      <c r="T95" s="205"/>
      <c r="U95" s="205"/>
      <c r="V95" s="205"/>
      <c r="W95" s="205"/>
      <c r="X95" s="205"/>
      <c r="Y95" s="205"/>
      <c r="Z95" s="205"/>
      <c r="AA95" s="205"/>
      <c r="AB95" s="205"/>
      <c r="AC95" s="205"/>
      <c r="AD95" s="205"/>
      <c r="AE95" s="205"/>
      <c r="AF95" s="205"/>
      <c r="AG95" s="205"/>
      <c r="AH95" s="205"/>
      <c r="AI95" s="205"/>
      <c r="AJ95" s="205"/>
      <c r="AK95" s="205"/>
      <c r="AL95" s="205"/>
      <c r="AM95" s="205"/>
      <c r="AN95" s="205"/>
      <c r="AO95" s="205"/>
      <c r="AP95" s="205"/>
      <c r="AQ95" s="205"/>
      <c r="AR95" s="205"/>
      <c r="AS95" s="205"/>
      <c r="AT95" s="205"/>
      <c r="AU95" s="205"/>
      <c r="AV95" s="205"/>
      <c r="AW95" s="205"/>
      <c r="AX95" s="205"/>
      <c r="AY95" s="205"/>
      <c r="AZ95" s="205"/>
    </row>
    <row r="96" spans="4:52" x14ac:dyDescent="0.55000000000000004">
      <c r="D96" s="205"/>
      <c r="E96" s="205"/>
      <c r="F96" s="205"/>
      <c r="G96" s="205"/>
      <c r="H96" s="205"/>
      <c r="I96" s="205"/>
      <c r="J96" s="205"/>
      <c r="K96" s="205"/>
      <c r="L96" s="205"/>
      <c r="M96" s="205"/>
      <c r="N96" s="205"/>
      <c r="O96" s="205"/>
      <c r="P96" s="205"/>
      <c r="Q96" s="205"/>
      <c r="R96" s="205"/>
      <c r="S96" s="205"/>
      <c r="T96" s="205"/>
      <c r="U96" s="205"/>
      <c r="V96" s="205"/>
      <c r="W96" s="205"/>
      <c r="X96" s="205"/>
      <c r="Y96" s="205"/>
      <c r="Z96" s="205"/>
      <c r="AA96" s="205"/>
      <c r="AB96" s="205"/>
      <c r="AC96" s="205"/>
      <c r="AD96" s="205"/>
      <c r="AE96" s="205"/>
      <c r="AF96" s="205"/>
      <c r="AG96" s="205"/>
      <c r="AH96" s="205"/>
      <c r="AI96" s="205"/>
      <c r="AJ96" s="205"/>
      <c r="AK96" s="205"/>
      <c r="AL96" s="205"/>
      <c r="AM96" s="205"/>
      <c r="AN96" s="205"/>
      <c r="AO96" s="205"/>
      <c r="AP96" s="205"/>
      <c r="AQ96" s="205"/>
      <c r="AR96" s="205"/>
      <c r="AS96" s="205"/>
      <c r="AT96" s="205"/>
      <c r="AU96" s="205"/>
      <c r="AV96" s="205"/>
      <c r="AW96" s="205"/>
      <c r="AX96" s="205"/>
      <c r="AY96" s="205"/>
      <c r="AZ96" s="205"/>
    </row>
    <row r="97" spans="4:52" x14ac:dyDescent="0.55000000000000004">
      <c r="D97" s="205"/>
      <c r="E97" s="205"/>
      <c r="F97" s="205"/>
      <c r="G97" s="205"/>
      <c r="H97" s="205"/>
      <c r="I97" s="205"/>
      <c r="J97" s="205"/>
      <c r="K97" s="205"/>
      <c r="L97" s="205"/>
      <c r="M97" s="205"/>
      <c r="N97" s="205"/>
      <c r="O97" s="205"/>
      <c r="P97" s="205"/>
      <c r="Q97" s="205"/>
      <c r="R97" s="205"/>
      <c r="S97" s="205"/>
      <c r="T97" s="205"/>
      <c r="U97" s="205"/>
      <c r="V97" s="205"/>
      <c r="W97" s="205"/>
      <c r="X97" s="205"/>
      <c r="Y97" s="205"/>
      <c r="Z97" s="205"/>
      <c r="AA97" s="205"/>
      <c r="AB97" s="205"/>
      <c r="AC97" s="205"/>
      <c r="AD97" s="205"/>
      <c r="AE97" s="205"/>
      <c r="AF97" s="205"/>
      <c r="AG97" s="205"/>
      <c r="AH97" s="205"/>
      <c r="AI97" s="205"/>
      <c r="AJ97" s="205"/>
      <c r="AK97" s="205"/>
      <c r="AL97" s="205"/>
      <c r="AM97" s="205"/>
      <c r="AN97" s="205"/>
      <c r="AO97" s="205"/>
      <c r="AP97" s="205"/>
      <c r="AQ97" s="205"/>
      <c r="AR97" s="205"/>
      <c r="AS97" s="205"/>
      <c r="AT97" s="205"/>
      <c r="AU97" s="205"/>
      <c r="AV97" s="205"/>
      <c r="AW97" s="205"/>
      <c r="AX97" s="205"/>
      <c r="AY97" s="205"/>
      <c r="AZ97" s="205"/>
    </row>
    <row r="98" spans="4:52" x14ac:dyDescent="0.55000000000000004">
      <c r="D98" s="205"/>
      <c r="E98" s="205"/>
      <c r="F98" s="205"/>
      <c r="G98" s="205"/>
      <c r="H98" s="205"/>
      <c r="I98" s="205"/>
      <c r="J98" s="205"/>
      <c r="K98" s="205"/>
      <c r="L98" s="205"/>
      <c r="M98" s="205"/>
      <c r="N98" s="205"/>
      <c r="O98" s="205"/>
      <c r="P98" s="205"/>
      <c r="Q98" s="205"/>
      <c r="R98" s="205"/>
      <c r="S98" s="205"/>
      <c r="T98" s="205"/>
      <c r="U98" s="205"/>
      <c r="V98" s="205"/>
      <c r="W98" s="205"/>
      <c r="X98" s="205"/>
      <c r="Y98" s="205"/>
      <c r="Z98" s="205"/>
      <c r="AA98" s="205"/>
      <c r="AB98" s="205"/>
      <c r="AC98" s="205"/>
      <c r="AD98" s="205"/>
      <c r="AE98" s="205"/>
      <c r="AF98" s="205"/>
      <c r="AG98" s="205"/>
      <c r="AH98" s="205"/>
      <c r="AI98" s="205"/>
      <c r="AJ98" s="205"/>
      <c r="AK98" s="205"/>
      <c r="AL98" s="205"/>
      <c r="AM98" s="205"/>
      <c r="AN98" s="205"/>
      <c r="AO98" s="205"/>
      <c r="AP98" s="205"/>
      <c r="AQ98" s="205"/>
      <c r="AR98" s="205"/>
      <c r="AS98" s="205"/>
      <c r="AT98" s="205"/>
      <c r="AU98" s="205"/>
      <c r="AV98" s="205"/>
      <c r="AW98" s="205"/>
      <c r="AX98" s="205"/>
      <c r="AY98" s="205"/>
      <c r="AZ98" s="205"/>
    </row>
    <row r="99" spans="4:52" x14ac:dyDescent="0.55000000000000004">
      <c r="D99" s="205"/>
      <c r="E99" s="205"/>
      <c r="F99" s="205"/>
      <c r="G99" s="205"/>
      <c r="H99" s="205"/>
      <c r="I99" s="205"/>
      <c r="J99" s="205"/>
      <c r="K99" s="205"/>
      <c r="L99" s="205"/>
      <c r="M99" s="205"/>
      <c r="N99" s="205"/>
      <c r="O99" s="205"/>
      <c r="P99" s="205"/>
      <c r="Q99" s="205"/>
      <c r="R99" s="205"/>
      <c r="S99" s="205"/>
      <c r="T99" s="205"/>
      <c r="U99" s="205"/>
      <c r="V99" s="205"/>
      <c r="W99" s="205"/>
      <c r="X99" s="205"/>
      <c r="Y99" s="205"/>
      <c r="Z99" s="205"/>
      <c r="AA99" s="205"/>
      <c r="AB99" s="205"/>
      <c r="AC99" s="205"/>
      <c r="AD99" s="205"/>
      <c r="AE99" s="205"/>
      <c r="AF99" s="205"/>
      <c r="AG99" s="205"/>
      <c r="AH99" s="205"/>
      <c r="AI99" s="205"/>
      <c r="AJ99" s="205"/>
      <c r="AK99" s="205"/>
      <c r="AL99" s="205"/>
      <c r="AM99" s="205"/>
      <c r="AN99" s="205"/>
      <c r="AO99" s="205"/>
      <c r="AP99" s="205"/>
      <c r="AQ99" s="205"/>
      <c r="AR99" s="205"/>
      <c r="AS99" s="205"/>
      <c r="AT99" s="205"/>
      <c r="AU99" s="205"/>
      <c r="AV99" s="205"/>
      <c r="AW99" s="205"/>
      <c r="AX99" s="205"/>
      <c r="AY99" s="205"/>
      <c r="AZ99" s="205"/>
    </row>
    <row r="100" spans="4:52" x14ac:dyDescent="0.55000000000000004">
      <c r="D100" s="205"/>
      <c r="E100" s="205"/>
      <c r="F100" s="205"/>
      <c r="G100" s="205"/>
      <c r="H100" s="205"/>
      <c r="I100" s="205"/>
      <c r="J100" s="205"/>
      <c r="K100" s="205"/>
      <c r="L100" s="205"/>
      <c r="M100" s="205"/>
      <c r="N100" s="205"/>
      <c r="O100" s="205"/>
      <c r="P100" s="205"/>
      <c r="Q100" s="205"/>
      <c r="R100" s="205"/>
      <c r="S100" s="205"/>
      <c r="T100" s="205"/>
      <c r="U100" s="205"/>
      <c r="V100" s="205"/>
      <c r="W100" s="205"/>
      <c r="X100" s="205"/>
      <c r="Y100" s="205"/>
      <c r="Z100" s="205"/>
      <c r="AA100" s="205"/>
      <c r="AB100" s="205"/>
      <c r="AC100" s="205"/>
      <c r="AD100" s="205"/>
      <c r="AE100" s="205"/>
      <c r="AF100" s="205"/>
      <c r="AG100" s="205"/>
      <c r="AH100" s="205"/>
      <c r="AI100" s="205"/>
      <c r="AJ100" s="205"/>
      <c r="AK100" s="205"/>
      <c r="AL100" s="205"/>
      <c r="AM100" s="205"/>
      <c r="AN100" s="205"/>
      <c r="AO100" s="205"/>
      <c r="AP100" s="205"/>
      <c r="AQ100" s="205"/>
      <c r="AR100" s="205"/>
      <c r="AS100" s="205"/>
      <c r="AT100" s="205"/>
      <c r="AU100" s="205"/>
      <c r="AV100" s="205"/>
      <c r="AW100" s="205"/>
      <c r="AX100" s="205"/>
      <c r="AY100" s="205"/>
      <c r="AZ100" s="205"/>
    </row>
    <row r="101" spans="4:52" x14ac:dyDescent="0.55000000000000004">
      <c r="D101" s="205"/>
      <c r="E101" s="205"/>
      <c r="F101" s="205"/>
      <c r="G101" s="205"/>
      <c r="H101" s="205"/>
      <c r="I101" s="205"/>
      <c r="J101" s="205"/>
      <c r="K101" s="205"/>
      <c r="L101" s="205"/>
      <c r="M101" s="205"/>
      <c r="N101" s="205"/>
      <c r="O101" s="205"/>
      <c r="P101" s="205"/>
      <c r="Q101" s="205"/>
      <c r="R101" s="205"/>
      <c r="S101" s="205"/>
      <c r="T101" s="205"/>
      <c r="U101" s="205"/>
      <c r="V101" s="205"/>
      <c r="W101" s="205"/>
      <c r="X101" s="205"/>
      <c r="Y101" s="205"/>
      <c r="Z101" s="205"/>
      <c r="AA101" s="205"/>
      <c r="AB101" s="205"/>
      <c r="AC101" s="205"/>
      <c r="AD101" s="205"/>
      <c r="AE101" s="205"/>
      <c r="AF101" s="205"/>
      <c r="AG101" s="205"/>
      <c r="AH101" s="205"/>
      <c r="AI101" s="205"/>
      <c r="AJ101" s="205"/>
      <c r="AK101" s="205"/>
      <c r="AL101" s="205"/>
      <c r="AM101" s="205"/>
      <c r="AN101" s="205"/>
      <c r="AO101" s="205"/>
      <c r="AP101" s="205"/>
      <c r="AQ101" s="205"/>
      <c r="AR101" s="205"/>
      <c r="AS101" s="205"/>
      <c r="AT101" s="205"/>
      <c r="AU101" s="205"/>
      <c r="AV101" s="205"/>
      <c r="AW101" s="205"/>
      <c r="AX101" s="205"/>
      <c r="AY101" s="205"/>
      <c r="AZ101" s="205"/>
    </row>
    <row r="102" spans="4:52" x14ac:dyDescent="0.55000000000000004">
      <c r="D102" s="205"/>
      <c r="E102" s="205"/>
      <c r="F102" s="205"/>
      <c r="G102" s="205"/>
      <c r="H102" s="205"/>
      <c r="I102" s="205"/>
      <c r="J102" s="205"/>
      <c r="K102" s="205"/>
      <c r="L102" s="205"/>
      <c r="M102" s="205"/>
      <c r="N102" s="205"/>
      <c r="O102" s="205"/>
      <c r="P102" s="205"/>
      <c r="Q102" s="205"/>
      <c r="R102" s="205"/>
      <c r="S102" s="205"/>
      <c r="T102" s="205"/>
      <c r="U102" s="205"/>
      <c r="V102" s="205"/>
      <c r="W102" s="205"/>
      <c r="X102" s="205"/>
      <c r="Y102" s="205"/>
      <c r="Z102" s="205"/>
      <c r="AA102" s="205"/>
      <c r="AB102" s="205"/>
      <c r="AC102" s="205"/>
      <c r="AD102" s="205"/>
      <c r="AE102" s="205"/>
      <c r="AF102" s="205"/>
      <c r="AG102" s="205"/>
      <c r="AH102" s="205"/>
      <c r="AI102" s="205"/>
      <c r="AJ102" s="205"/>
      <c r="AK102" s="205"/>
      <c r="AL102" s="205"/>
      <c r="AM102" s="205"/>
      <c r="AN102" s="205"/>
      <c r="AO102" s="205"/>
      <c r="AP102" s="205"/>
      <c r="AQ102" s="205"/>
      <c r="AR102" s="205"/>
      <c r="AS102" s="205"/>
      <c r="AT102" s="205"/>
      <c r="AU102" s="205"/>
      <c r="AV102" s="205"/>
      <c r="AW102" s="205"/>
      <c r="AX102" s="205"/>
      <c r="AY102" s="205"/>
      <c r="AZ102" s="205"/>
    </row>
    <row r="103" spans="4:52" x14ac:dyDescent="0.55000000000000004">
      <c r="D103" s="205"/>
      <c r="E103" s="205"/>
      <c r="F103" s="205"/>
      <c r="G103" s="205"/>
      <c r="H103" s="205"/>
      <c r="I103" s="205"/>
      <c r="J103" s="205"/>
      <c r="K103" s="205"/>
      <c r="L103" s="205"/>
      <c r="M103" s="205"/>
      <c r="N103" s="205"/>
      <c r="O103" s="205"/>
      <c r="P103" s="205"/>
      <c r="Q103" s="205"/>
      <c r="R103" s="205"/>
      <c r="S103" s="205"/>
      <c r="T103" s="205"/>
      <c r="U103" s="205"/>
      <c r="V103" s="205"/>
      <c r="W103" s="205"/>
      <c r="X103" s="205"/>
      <c r="Y103" s="205"/>
      <c r="Z103" s="205"/>
      <c r="AA103" s="205"/>
      <c r="AB103" s="205"/>
      <c r="AC103" s="205"/>
      <c r="AD103" s="205"/>
      <c r="AE103" s="205"/>
      <c r="AF103" s="205"/>
      <c r="AG103" s="205"/>
      <c r="AH103" s="205"/>
      <c r="AI103" s="205"/>
      <c r="AJ103" s="205"/>
      <c r="AK103" s="205"/>
      <c r="AL103" s="205"/>
      <c r="AM103" s="205"/>
      <c r="AN103" s="205"/>
      <c r="AO103" s="205"/>
      <c r="AP103" s="205"/>
      <c r="AQ103" s="205"/>
      <c r="AR103" s="205"/>
      <c r="AS103" s="205"/>
      <c r="AT103" s="205"/>
      <c r="AU103" s="205"/>
      <c r="AV103" s="205"/>
      <c r="AW103" s="205"/>
      <c r="AX103" s="205"/>
      <c r="AY103" s="205"/>
      <c r="AZ103" s="205"/>
    </row>
    <row r="104" spans="4:52" x14ac:dyDescent="0.55000000000000004">
      <c r="D104" s="205"/>
      <c r="E104" s="205"/>
      <c r="F104" s="205"/>
      <c r="G104" s="205"/>
      <c r="H104" s="205"/>
      <c r="I104" s="205"/>
      <c r="J104" s="205"/>
      <c r="K104" s="205"/>
      <c r="L104" s="205"/>
      <c r="M104" s="205"/>
      <c r="N104" s="205"/>
      <c r="O104" s="205"/>
      <c r="P104" s="205"/>
      <c r="Q104" s="205"/>
      <c r="R104" s="205"/>
      <c r="S104" s="205"/>
      <c r="T104" s="205"/>
      <c r="U104" s="205"/>
      <c r="V104" s="205"/>
      <c r="W104" s="205"/>
      <c r="X104" s="205"/>
      <c r="Y104" s="205"/>
      <c r="Z104" s="205"/>
      <c r="AA104" s="205"/>
      <c r="AB104" s="205"/>
      <c r="AC104" s="205"/>
      <c r="AD104" s="205"/>
      <c r="AE104" s="205"/>
      <c r="AF104" s="205"/>
      <c r="AG104" s="205"/>
      <c r="AH104" s="205"/>
      <c r="AI104" s="205"/>
      <c r="AJ104" s="205"/>
      <c r="AK104" s="205"/>
      <c r="AL104" s="205"/>
      <c r="AM104" s="205"/>
      <c r="AN104" s="205"/>
      <c r="AO104" s="205"/>
      <c r="AP104" s="205"/>
      <c r="AQ104" s="205"/>
      <c r="AR104" s="205"/>
      <c r="AS104" s="205"/>
      <c r="AT104" s="205"/>
      <c r="AU104" s="205"/>
      <c r="AV104" s="205"/>
      <c r="AW104" s="205"/>
      <c r="AX104" s="205"/>
      <c r="AY104" s="205"/>
      <c r="AZ104" s="205"/>
    </row>
    <row r="105" spans="4:52" x14ac:dyDescent="0.55000000000000004">
      <c r="D105" s="205"/>
      <c r="E105" s="205"/>
      <c r="F105" s="205"/>
      <c r="G105" s="205"/>
      <c r="H105" s="205"/>
      <c r="I105" s="205"/>
      <c r="J105" s="205"/>
      <c r="K105" s="205"/>
      <c r="L105" s="205"/>
      <c r="M105" s="205"/>
      <c r="N105" s="205"/>
      <c r="O105" s="205"/>
      <c r="P105" s="205"/>
      <c r="Q105" s="205"/>
      <c r="R105" s="205"/>
      <c r="S105" s="205"/>
      <c r="T105" s="205"/>
      <c r="U105" s="205"/>
      <c r="V105" s="205"/>
      <c r="W105" s="205"/>
      <c r="X105" s="205"/>
      <c r="Y105" s="205"/>
      <c r="Z105" s="205"/>
      <c r="AA105" s="205"/>
      <c r="AB105" s="205"/>
      <c r="AC105" s="205"/>
      <c r="AD105" s="205"/>
      <c r="AE105" s="205"/>
      <c r="AF105" s="205"/>
      <c r="AG105" s="205"/>
      <c r="AH105" s="205"/>
      <c r="AI105" s="205"/>
      <c r="AJ105" s="205"/>
      <c r="AK105" s="205"/>
      <c r="AL105" s="205"/>
      <c r="AM105" s="205"/>
      <c r="AN105" s="205"/>
      <c r="AO105" s="205"/>
      <c r="AP105" s="205"/>
      <c r="AQ105" s="205"/>
      <c r="AR105" s="205"/>
      <c r="AS105" s="205"/>
      <c r="AT105" s="205"/>
      <c r="AU105" s="205"/>
      <c r="AV105" s="205"/>
      <c r="AW105" s="205"/>
      <c r="AX105" s="205"/>
      <c r="AY105" s="205"/>
      <c r="AZ105" s="205"/>
    </row>
    <row r="106" spans="4:52" x14ac:dyDescent="0.55000000000000004">
      <c r="D106" s="205"/>
      <c r="E106" s="205"/>
      <c r="F106" s="205"/>
      <c r="G106" s="205"/>
      <c r="H106" s="205"/>
      <c r="I106" s="205"/>
      <c r="J106" s="205"/>
      <c r="K106" s="205"/>
      <c r="L106" s="205"/>
      <c r="M106" s="205"/>
      <c r="N106" s="205"/>
      <c r="O106" s="205"/>
      <c r="P106" s="205"/>
      <c r="Q106" s="205"/>
      <c r="R106" s="205"/>
      <c r="S106" s="205"/>
      <c r="T106" s="205"/>
      <c r="U106" s="205"/>
      <c r="V106" s="205"/>
      <c r="W106" s="205"/>
      <c r="X106" s="205"/>
      <c r="Y106" s="205"/>
      <c r="Z106" s="205"/>
      <c r="AA106" s="205"/>
      <c r="AB106" s="205"/>
      <c r="AC106" s="205"/>
      <c r="AD106" s="205"/>
      <c r="AE106" s="205"/>
      <c r="AF106" s="205"/>
      <c r="AG106" s="205"/>
      <c r="AH106" s="205"/>
      <c r="AI106" s="205"/>
      <c r="AJ106" s="205"/>
      <c r="AK106" s="205"/>
      <c r="AL106" s="205"/>
      <c r="AM106" s="205"/>
      <c r="AN106" s="205"/>
      <c r="AO106" s="205"/>
      <c r="AP106" s="205"/>
      <c r="AQ106" s="205"/>
      <c r="AR106" s="205"/>
      <c r="AS106" s="205"/>
      <c r="AT106" s="205"/>
      <c r="AU106" s="205"/>
      <c r="AV106" s="205"/>
      <c r="AW106" s="205"/>
      <c r="AX106" s="205"/>
      <c r="AY106" s="205"/>
      <c r="AZ106" s="205"/>
    </row>
    <row r="107" spans="4:52" x14ac:dyDescent="0.55000000000000004">
      <c r="D107" s="205"/>
      <c r="E107" s="205"/>
      <c r="F107" s="205"/>
      <c r="G107" s="205"/>
      <c r="H107" s="205"/>
      <c r="I107" s="205"/>
      <c r="J107" s="205"/>
      <c r="K107" s="205"/>
      <c r="L107" s="205"/>
      <c r="M107" s="205"/>
      <c r="N107" s="205"/>
      <c r="O107" s="205"/>
      <c r="P107" s="205"/>
      <c r="Q107" s="205"/>
      <c r="R107" s="205"/>
      <c r="S107" s="205"/>
      <c r="T107" s="205"/>
      <c r="U107" s="205"/>
      <c r="V107" s="205"/>
      <c r="W107" s="205"/>
      <c r="X107" s="205"/>
      <c r="Y107" s="205"/>
      <c r="Z107" s="205"/>
      <c r="AA107" s="205"/>
      <c r="AB107" s="205"/>
      <c r="AC107" s="205"/>
      <c r="AD107" s="205"/>
      <c r="AE107" s="205"/>
      <c r="AF107" s="205"/>
      <c r="AG107" s="205"/>
      <c r="AH107" s="205"/>
      <c r="AI107" s="205"/>
      <c r="AJ107" s="205"/>
      <c r="AK107" s="205"/>
      <c r="AL107" s="205"/>
      <c r="AM107" s="205"/>
      <c r="AN107" s="205"/>
      <c r="AO107" s="205"/>
      <c r="AP107" s="205"/>
      <c r="AQ107" s="205"/>
      <c r="AR107" s="205"/>
      <c r="AS107" s="205"/>
      <c r="AT107" s="205"/>
      <c r="AU107" s="205"/>
      <c r="AV107" s="205"/>
      <c r="AW107" s="205"/>
      <c r="AX107" s="205"/>
      <c r="AY107" s="205"/>
      <c r="AZ107" s="205"/>
    </row>
    <row r="108" spans="4:52" x14ac:dyDescent="0.55000000000000004">
      <c r="D108" s="205"/>
      <c r="E108" s="205"/>
      <c r="F108" s="205"/>
      <c r="G108" s="205"/>
      <c r="H108" s="205"/>
      <c r="I108" s="205"/>
      <c r="J108" s="205"/>
      <c r="K108" s="205"/>
      <c r="L108" s="205"/>
      <c r="M108" s="205"/>
      <c r="N108" s="205"/>
      <c r="O108" s="205"/>
      <c r="P108" s="205"/>
      <c r="Q108" s="205"/>
      <c r="R108" s="205"/>
      <c r="S108" s="205"/>
      <c r="T108" s="205"/>
      <c r="U108" s="205"/>
      <c r="V108" s="205"/>
      <c r="W108" s="205"/>
      <c r="X108" s="205"/>
      <c r="Y108" s="205"/>
      <c r="Z108" s="205"/>
      <c r="AA108" s="205"/>
      <c r="AB108" s="205"/>
      <c r="AC108" s="205"/>
      <c r="AD108" s="205"/>
      <c r="AE108" s="205"/>
      <c r="AF108" s="205"/>
      <c r="AG108" s="205"/>
      <c r="AH108" s="205"/>
      <c r="AI108" s="205"/>
      <c r="AJ108" s="205"/>
      <c r="AK108" s="205"/>
      <c r="AL108" s="205"/>
      <c r="AM108" s="205"/>
      <c r="AN108" s="205"/>
      <c r="AO108" s="205"/>
      <c r="AP108" s="205"/>
      <c r="AQ108" s="205"/>
      <c r="AR108" s="205"/>
      <c r="AS108" s="205"/>
      <c r="AT108" s="205"/>
      <c r="AU108" s="205"/>
      <c r="AV108" s="205"/>
      <c r="AW108" s="205"/>
      <c r="AX108" s="205"/>
      <c r="AY108" s="205"/>
      <c r="AZ108" s="205"/>
    </row>
    <row r="109" spans="4:52" x14ac:dyDescent="0.55000000000000004">
      <c r="D109" s="205"/>
      <c r="E109" s="205"/>
      <c r="F109" s="205"/>
      <c r="G109" s="205"/>
      <c r="H109" s="205"/>
      <c r="I109" s="205"/>
      <c r="J109" s="205"/>
      <c r="K109" s="205"/>
      <c r="L109" s="205"/>
      <c r="M109" s="205"/>
      <c r="N109" s="205"/>
      <c r="O109" s="205"/>
      <c r="P109" s="205"/>
      <c r="Q109" s="205"/>
      <c r="R109" s="205"/>
      <c r="S109" s="205"/>
      <c r="T109" s="205"/>
      <c r="U109" s="205"/>
      <c r="V109" s="205"/>
      <c r="W109" s="205"/>
      <c r="X109" s="205"/>
      <c r="Y109" s="205"/>
      <c r="Z109" s="205"/>
      <c r="AA109" s="205"/>
      <c r="AB109" s="205"/>
      <c r="AC109" s="205"/>
      <c r="AD109" s="205"/>
      <c r="AE109" s="205"/>
      <c r="AF109" s="205"/>
      <c r="AG109" s="205"/>
      <c r="AH109" s="205"/>
      <c r="AI109" s="205"/>
      <c r="AJ109" s="205"/>
      <c r="AK109" s="205"/>
      <c r="AL109" s="205"/>
      <c r="AM109" s="205"/>
      <c r="AN109" s="205"/>
      <c r="AO109" s="205"/>
      <c r="AP109" s="205"/>
      <c r="AQ109" s="205"/>
      <c r="AR109" s="205"/>
      <c r="AS109" s="205"/>
      <c r="AT109" s="205"/>
      <c r="AU109" s="205"/>
      <c r="AV109" s="205"/>
      <c r="AW109" s="205"/>
      <c r="AX109" s="205"/>
      <c r="AY109" s="205"/>
      <c r="AZ109" s="205"/>
    </row>
    <row r="110" spans="4:52" x14ac:dyDescent="0.55000000000000004">
      <c r="D110" s="205"/>
      <c r="E110" s="205"/>
      <c r="F110" s="205"/>
      <c r="G110" s="205"/>
      <c r="H110" s="205"/>
      <c r="I110" s="205"/>
      <c r="J110" s="205"/>
      <c r="K110" s="205"/>
      <c r="L110" s="205"/>
      <c r="M110" s="205"/>
      <c r="N110" s="205"/>
      <c r="O110" s="205"/>
      <c r="P110" s="205"/>
      <c r="Q110" s="205"/>
      <c r="R110" s="205"/>
      <c r="S110" s="205"/>
      <c r="T110" s="205"/>
      <c r="U110" s="205"/>
      <c r="V110" s="205"/>
      <c r="W110" s="205"/>
      <c r="X110" s="205"/>
      <c r="Y110" s="205"/>
      <c r="Z110" s="205"/>
      <c r="AA110" s="205"/>
      <c r="AB110" s="205"/>
      <c r="AC110" s="205"/>
      <c r="AD110" s="205"/>
      <c r="AE110" s="205"/>
      <c r="AF110" s="205"/>
      <c r="AG110" s="205"/>
      <c r="AH110" s="205"/>
      <c r="AI110" s="205"/>
      <c r="AJ110" s="205"/>
      <c r="AK110" s="205"/>
      <c r="AL110" s="205"/>
      <c r="AM110" s="205"/>
      <c r="AN110" s="205"/>
      <c r="AO110" s="205"/>
      <c r="AP110" s="205"/>
      <c r="AQ110" s="205"/>
      <c r="AR110" s="205"/>
      <c r="AS110" s="205"/>
      <c r="AT110" s="205"/>
      <c r="AU110" s="205"/>
      <c r="AV110" s="205"/>
      <c r="AW110" s="205"/>
      <c r="AX110" s="205"/>
      <c r="AY110" s="205"/>
      <c r="AZ110" s="205"/>
    </row>
    <row r="111" spans="4:52" x14ac:dyDescent="0.55000000000000004">
      <c r="D111" s="205"/>
      <c r="E111" s="205"/>
      <c r="F111" s="205"/>
      <c r="G111" s="205"/>
      <c r="H111" s="205"/>
      <c r="I111" s="205"/>
      <c r="J111" s="205"/>
      <c r="K111" s="205"/>
      <c r="L111" s="205"/>
      <c r="M111" s="205"/>
      <c r="N111" s="205"/>
      <c r="O111" s="205"/>
      <c r="P111" s="205"/>
      <c r="Q111" s="205"/>
      <c r="R111" s="205"/>
      <c r="S111" s="205"/>
      <c r="T111" s="205"/>
      <c r="U111" s="205"/>
      <c r="V111" s="205"/>
      <c r="W111" s="205"/>
      <c r="X111" s="205"/>
      <c r="Y111" s="205"/>
      <c r="Z111" s="205"/>
      <c r="AA111" s="205"/>
      <c r="AB111" s="205"/>
      <c r="AC111" s="205"/>
      <c r="AD111" s="205"/>
      <c r="AE111" s="205"/>
      <c r="AF111" s="205"/>
      <c r="AG111" s="205"/>
      <c r="AH111" s="205"/>
      <c r="AI111" s="205"/>
      <c r="AJ111" s="205"/>
      <c r="AK111" s="205"/>
      <c r="AL111" s="205"/>
      <c r="AM111" s="205"/>
      <c r="AN111" s="205"/>
      <c r="AO111" s="205"/>
      <c r="AP111" s="205"/>
      <c r="AQ111" s="205"/>
      <c r="AR111" s="205"/>
      <c r="AS111" s="205"/>
      <c r="AT111" s="205"/>
      <c r="AU111" s="205"/>
      <c r="AV111" s="205"/>
      <c r="AW111" s="205"/>
      <c r="AX111" s="205"/>
      <c r="AY111" s="205"/>
      <c r="AZ111" s="205"/>
    </row>
    <row r="112" spans="4:52" x14ac:dyDescent="0.55000000000000004">
      <c r="D112" s="205"/>
      <c r="E112" s="205"/>
      <c r="F112" s="205"/>
      <c r="G112" s="205"/>
      <c r="H112" s="205"/>
      <c r="I112" s="205"/>
      <c r="J112" s="205"/>
      <c r="K112" s="205"/>
      <c r="L112" s="205"/>
      <c r="M112" s="205"/>
      <c r="N112" s="205"/>
      <c r="O112" s="205"/>
      <c r="P112" s="205"/>
      <c r="Q112" s="205"/>
      <c r="R112" s="205"/>
      <c r="S112" s="205"/>
      <c r="T112" s="205"/>
      <c r="U112" s="205"/>
      <c r="V112" s="205"/>
      <c r="W112" s="205"/>
      <c r="X112" s="205"/>
      <c r="Y112" s="205"/>
      <c r="Z112" s="205"/>
      <c r="AA112" s="205"/>
      <c r="AB112" s="205"/>
      <c r="AC112" s="205"/>
      <c r="AD112" s="205"/>
      <c r="AE112" s="205"/>
      <c r="AF112" s="205"/>
      <c r="AG112" s="205"/>
      <c r="AH112" s="205"/>
      <c r="AI112" s="205"/>
      <c r="AJ112" s="205"/>
      <c r="AK112" s="205"/>
      <c r="AL112" s="205"/>
      <c r="AM112" s="205"/>
      <c r="AN112" s="205"/>
      <c r="AO112" s="205"/>
      <c r="AP112" s="205"/>
      <c r="AQ112" s="205"/>
      <c r="AR112" s="205"/>
      <c r="AS112" s="205"/>
      <c r="AT112" s="205"/>
      <c r="AU112" s="205"/>
      <c r="AV112" s="205"/>
      <c r="AW112" s="205"/>
      <c r="AX112" s="205"/>
      <c r="AY112" s="205"/>
      <c r="AZ112" s="205"/>
    </row>
    <row r="113" spans="4:52" x14ac:dyDescent="0.55000000000000004">
      <c r="D113" s="205"/>
      <c r="E113" s="205"/>
      <c r="F113" s="205"/>
      <c r="G113" s="205"/>
      <c r="H113" s="205"/>
      <c r="I113" s="205"/>
      <c r="J113" s="205"/>
      <c r="K113" s="205"/>
      <c r="L113" s="205"/>
      <c r="M113" s="205"/>
      <c r="N113" s="205"/>
      <c r="O113" s="205"/>
      <c r="P113" s="205"/>
      <c r="Q113" s="205"/>
      <c r="R113" s="205"/>
      <c r="S113" s="205"/>
      <c r="T113" s="205"/>
      <c r="U113" s="205"/>
      <c r="V113" s="205"/>
      <c r="W113" s="205"/>
      <c r="X113" s="205"/>
      <c r="Y113" s="205"/>
      <c r="Z113" s="205"/>
      <c r="AA113" s="205"/>
      <c r="AB113" s="205"/>
      <c r="AC113" s="205"/>
      <c r="AD113" s="205"/>
      <c r="AE113" s="205"/>
      <c r="AF113" s="205"/>
      <c r="AG113" s="205"/>
      <c r="AH113" s="205"/>
      <c r="AI113" s="205"/>
      <c r="AJ113" s="205"/>
      <c r="AK113" s="205"/>
      <c r="AL113" s="205"/>
      <c r="AM113" s="205"/>
      <c r="AN113" s="205"/>
      <c r="AO113" s="205"/>
      <c r="AP113" s="205"/>
      <c r="AQ113" s="205"/>
      <c r="AR113" s="205"/>
      <c r="AS113" s="205"/>
      <c r="AT113" s="205"/>
      <c r="AU113" s="205"/>
      <c r="AV113" s="205"/>
      <c r="AW113" s="205"/>
      <c r="AX113" s="205"/>
      <c r="AY113" s="205"/>
      <c r="AZ113" s="205"/>
    </row>
    <row r="114" spans="4:52" x14ac:dyDescent="0.55000000000000004">
      <c r="D114" s="205"/>
      <c r="E114" s="205"/>
      <c r="F114" s="205"/>
      <c r="G114" s="205"/>
      <c r="H114" s="205"/>
      <c r="I114" s="205"/>
      <c r="J114" s="205"/>
      <c r="K114" s="205"/>
      <c r="L114" s="205"/>
      <c r="M114" s="205"/>
      <c r="N114" s="205"/>
      <c r="O114" s="205"/>
      <c r="P114" s="205"/>
      <c r="Q114" s="205"/>
      <c r="R114" s="205"/>
      <c r="S114" s="205"/>
      <c r="T114" s="205"/>
      <c r="U114" s="205"/>
      <c r="V114" s="205"/>
      <c r="W114" s="205"/>
      <c r="X114" s="205"/>
      <c r="Y114" s="205"/>
      <c r="Z114" s="205"/>
      <c r="AA114" s="205"/>
      <c r="AB114" s="205"/>
      <c r="AC114" s="205"/>
      <c r="AD114" s="205"/>
      <c r="AE114" s="205"/>
      <c r="AF114" s="205"/>
      <c r="AG114" s="205"/>
      <c r="AH114" s="205"/>
      <c r="AI114" s="205"/>
      <c r="AJ114" s="205"/>
      <c r="AK114" s="205"/>
      <c r="AL114" s="205"/>
      <c r="AM114" s="205"/>
      <c r="AN114" s="205"/>
      <c r="AO114" s="205"/>
      <c r="AP114" s="205"/>
      <c r="AQ114" s="205"/>
      <c r="AR114" s="205"/>
      <c r="AS114" s="205"/>
      <c r="AT114" s="205"/>
      <c r="AU114" s="205"/>
      <c r="AV114" s="205"/>
      <c r="AW114" s="205"/>
      <c r="AX114" s="205"/>
      <c r="AY114" s="205"/>
      <c r="AZ114" s="205"/>
    </row>
    <row r="115" spans="4:52" x14ac:dyDescent="0.55000000000000004">
      <c r="D115" s="205"/>
      <c r="E115" s="205"/>
      <c r="F115" s="205"/>
      <c r="G115" s="205"/>
      <c r="H115" s="205"/>
      <c r="I115" s="205"/>
      <c r="J115" s="205"/>
      <c r="K115" s="205"/>
      <c r="L115" s="205"/>
      <c r="M115" s="205"/>
      <c r="N115" s="205"/>
      <c r="O115" s="205"/>
      <c r="P115" s="205"/>
      <c r="Q115" s="205"/>
      <c r="R115" s="205"/>
      <c r="S115" s="205"/>
      <c r="T115" s="205"/>
      <c r="U115" s="205"/>
      <c r="V115" s="205"/>
      <c r="W115" s="205"/>
      <c r="X115" s="205"/>
      <c r="Y115" s="205"/>
      <c r="Z115" s="205"/>
      <c r="AA115" s="205"/>
      <c r="AB115" s="205"/>
      <c r="AC115" s="205"/>
      <c r="AD115" s="205"/>
      <c r="AE115" s="205"/>
      <c r="AF115" s="205"/>
      <c r="AG115" s="205"/>
      <c r="AH115" s="205"/>
      <c r="AI115" s="205"/>
      <c r="AJ115" s="205"/>
      <c r="AK115" s="205"/>
      <c r="AL115" s="205"/>
      <c r="AM115" s="205"/>
      <c r="AN115" s="205"/>
      <c r="AO115" s="205"/>
      <c r="AP115" s="205"/>
      <c r="AQ115" s="205"/>
      <c r="AR115" s="205"/>
      <c r="AS115" s="205"/>
      <c r="AT115" s="205"/>
      <c r="AU115" s="205"/>
      <c r="AV115" s="205"/>
      <c r="AW115" s="205"/>
      <c r="AX115" s="205"/>
      <c r="AY115" s="205"/>
      <c r="AZ115" s="205"/>
    </row>
    <row r="116" spans="4:52" x14ac:dyDescent="0.55000000000000004">
      <c r="D116" s="205"/>
      <c r="E116" s="205"/>
      <c r="F116" s="205"/>
      <c r="G116" s="205"/>
      <c r="H116" s="205"/>
      <c r="I116" s="205"/>
      <c r="J116" s="205"/>
      <c r="K116" s="205"/>
      <c r="L116" s="205"/>
      <c r="M116" s="205"/>
      <c r="N116" s="205"/>
      <c r="O116" s="205"/>
      <c r="P116" s="205"/>
      <c r="Q116" s="205"/>
      <c r="R116" s="205"/>
      <c r="S116" s="205"/>
      <c r="T116" s="205"/>
      <c r="U116" s="205"/>
      <c r="V116" s="205"/>
      <c r="W116" s="205"/>
      <c r="X116" s="205"/>
      <c r="Y116" s="205"/>
      <c r="Z116" s="205"/>
      <c r="AA116" s="205"/>
      <c r="AB116" s="205"/>
      <c r="AC116" s="205"/>
      <c r="AD116" s="205"/>
      <c r="AE116" s="205"/>
      <c r="AF116" s="205"/>
      <c r="AG116" s="205"/>
      <c r="AH116" s="205"/>
      <c r="AI116" s="205"/>
      <c r="AJ116" s="205"/>
      <c r="AK116" s="205"/>
      <c r="AL116" s="205"/>
      <c r="AM116" s="205"/>
      <c r="AN116" s="205"/>
      <c r="AO116" s="205"/>
      <c r="AP116" s="205"/>
      <c r="AQ116" s="205"/>
      <c r="AR116" s="205"/>
      <c r="AS116" s="205"/>
      <c r="AT116" s="205"/>
      <c r="AU116" s="205"/>
      <c r="AV116" s="205"/>
      <c r="AW116" s="205"/>
      <c r="AX116" s="205"/>
      <c r="AY116" s="205"/>
      <c r="AZ116" s="205"/>
    </row>
    <row r="117" spans="4:52" x14ac:dyDescent="0.55000000000000004">
      <c r="D117" s="205"/>
      <c r="E117" s="205"/>
      <c r="F117" s="205"/>
      <c r="G117" s="205"/>
      <c r="H117" s="205"/>
      <c r="I117" s="205"/>
      <c r="J117" s="205"/>
      <c r="K117" s="205"/>
      <c r="L117" s="205"/>
      <c r="M117" s="205"/>
      <c r="N117" s="205"/>
      <c r="O117" s="205"/>
      <c r="P117" s="205"/>
      <c r="Q117" s="205"/>
      <c r="R117" s="205"/>
      <c r="S117" s="205"/>
      <c r="T117" s="205"/>
      <c r="U117" s="205"/>
      <c r="V117" s="205"/>
      <c r="W117" s="205"/>
      <c r="X117" s="205"/>
      <c r="Y117" s="205"/>
      <c r="Z117" s="205"/>
      <c r="AA117" s="205"/>
      <c r="AB117" s="205"/>
      <c r="AC117" s="205"/>
      <c r="AD117" s="205"/>
      <c r="AE117" s="205"/>
      <c r="AF117" s="205"/>
      <c r="AG117" s="205"/>
      <c r="AH117" s="205"/>
      <c r="AI117" s="205"/>
      <c r="AJ117" s="205"/>
      <c r="AK117" s="205"/>
      <c r="AL117" s="205"/>
      <c r="AM117" s="205"/>
      <c r="AN117" s="205"/>
      <c r="AO117" s="205"/>
      <c r="AP117" s="205"/>
      <c r="AQ117" s="205"/>
      <c r="AR117" s="205"/>
      <c r="AS117" s="205"/>
      <c r="AT117" s="205"/>
      <c r="AU117" s="205"/>
      <c r="AV117" s="205"/>
      <c r="AW117" s="205"/>
      <c r="AX117" s="205"/>
      <c r="AY117" s="205"/>
      <c r="AZ117" s="205"/>
    </row>
    <row r="118" spans="4:52" x14ac:dyDescent="0.55000000000000004">
      <c r="D118" s="205"/>
      <c r="E118" s="205"/>
      <c r="F118" s="205"/>
      <c r="G118" s="205"/>
      <c r="H118" s="205"/>
      <c r="I118" s="205"/>
      <c r="J118" s="205"/>
      <c r="K118" s="205"/>
      <c r="L118" s="205"/>
      <c r="M118" s="205"/>
      <c r="N118" s="205"/>
      <c r="O118" s="205"/>
      <c r="P118" s="205"/>
      <c r="Q118" s="205"/>
      <c r="R118" s="205"/>
      <c r="S118" s="205"/>
      <c r="T118" s="205"/>
      <c r="U118" s="205"/>
      <c r="V118" s="205"/>
      <c r="W118" s="205"/>
      <c r="X118" s="205"/>
      <c r="Y118" s="205"/>
      <c r="Z118" s="205"/>
      <c r="AA118" s="205"/>
      <c r="AB118" s="205"/>
      <c r="AC118" s="205"/>
      <c r="AD118" s="205"/>
      <c r="AE118" s="205"/>
      <c r="AF118" s="205"/>
      <c r="AG118" s="205"/>
      <c r="AH118" s="205"/>
      <c r="AI118" s="205"/>
      <c r="AJ118" s="205"/>
      <c r="AK118" s="205"/>
      <c r="AL118" s="205"/>
      <c r="AM118" s="205"/>
      <c r="AN118" s="205"/>
      <c r="AO118" s="205"/>
      <c r="AP118" s="205"/>
      <c r="AQ118" s="205"/>
      <c r="AR118" s="205"/>
      <c r="AS118" s="205"/>
      <c r="AT118" s="205"/>
      <c r="AU118" s="205"/>
      <c r="AV118" s="205"/>
      <c r="AW118" s="205"/>
      <c r="AX118" s="205"/>
      <c r="AY118" s="205"/>
      <c r="AZ118" s="205"/>
    </row>
    <row r="119" spans="4:52" x14ac:dyDescent="0.55000000000000004">
      <c r="D119" s="205"/>
      <c r="E119" s="205"/>
      <c r="F119" s="205"/>
      <c r="G119" s="205"/>
      <c r="H119" s="205"/>
      <c r="I119" s="205"/>
      <c r="J119" s="205"/>
      <c r="K119" s="205"/>
      <c r="L119" s="205"/>
      <c r="M119" s="205"/>
      <c r="N119" s="205"/>
      <c r="O119" s="205"/>
      <c r="P119" s="205"/>
      <c r="Q119" s="205"/>
      <c r="R119" s="205"/>
      <c r="S119" s="205"/>
      <c r="T119" s="205"/>
      <c r="U119" s="205"/>
      <c r="V119" s="205"/>
      <c r="W119" s="205"/>
      <c r="X119" s="205"/>
      <c r="Y119" s="205"/>
      <c r="Z119" s="205"/>
      <c r="AA119" s="205"/>
      <c r="AB119" s="205"/>
      <c r="AC119" s="205"/>
      <c r="AD119" s="205"/>
      <c r="AE119" s="205"/>
      <c r="AF119" s="205"/>
      <c r="AG119" s="205"/>
      <c r="AH119" s="205"/>
      <c r="AI119" s="205"/>
      <c r="AJ119" s="205"/>
      <c r="AK119" s="205"/>
      <c r="AL119" s="205"/>
      <c r="AM119" s="205"/>
      <c r="AN119" s="205"/>
      <c r="AO119" s="205"/>
      <c r="AP119" s="205"/>
      <c r="AQ119" s="205"/>
      <c r="AR119" s="205"/>
      <c r="AS119" s="205"/>
      <c r="AT119" s="205"/>
      <c r="AU119" s="205"/>
      <c r="AV119" s="205"/>
      <c r="AW119" s="205"/>
      <c r="AX119" s="205"/>
      <c r="AY119" s="205"/>
      <c r="AZ119" s="205"/>
    </row>
    <row r="120" spans="4:52" x14ac:dyDescent="0.55000000000000004">
      <c r="D120" s="205"/>
      <c r="E120" s="205"/>
      <c r="F120" s="205"/>
      <c r="G120" s="205"/>
      <c r="H120" s="205"/>
      <c r="I120" s="205"/>
      <c r="J120" s="205"/>
      <c r="K120" s="205"/>
      <c r="L120" s="205"/>
      <c r="M120" s="205"/>
      <c r="N120" s="205"/>
      <c r="O120" s="205"/>
      <c r="P120" s="205"/>
      <c r="Q120" s="205"/>
      <c r="R120" s="205"/>
      <c r="S120" s="205"/>
      <c r="T120" s="205"/>
      <c r="U120" s="205"/>
      <c r="V120" s="205"/>
      <c r="W120" s="205"/>
      <c r="X120" s="205"/>
      <c r="Y120" s="205"/>
      <c r="Z120" s="205"/>
      <c r="AA120" s="205"/>
      <c r="AB120" s="205"/>
      <c r="AC120" s="205"/>
      <c r="AD120" s="205"/>
      <c r="AE120" s="205"/>
      <c r="AF120" s="205"/>
      <c r="AG120" s="205"/>
      <c r="AH120" s="205"/>
      <c r="AI120" s="205"/>
      <c r="AJ120" s="205"/>
      <c r="AK120" s="205"/>
      <c r="AL120" s="205"/>
      <c r="AM120" s="205"/>
      <c r="AN120" s="205"/>
      <c r="AO120" s="205"/>
      <c r="AP120" s="205"/>
      <c r="AQ120" s="205"/>
      <c r="AR120" s="205"/>
      <c r="AS120" s="205"/>
      <c r="AT120" s="205"/>
      <c r="AU120" s="205"/>
      <c r="AV120" s="205"/>
      <c r="AW120" s="205"/>
      <c r="AX120" s="205"/>
      <c r="AY120" s="205"/>
      <c r="AZ120" s="205"/>
    </row>
    <row r="121" spans="4:52" x14ac:dyDescent="0.55000000000000004">
      <c r="D121" s="205"/>
      <c r="E121" s="205"/>
      <c r="F121" s="205"/>
      <c r="G121" s="205"/>
      <c r="H121" s="205"/>
      <c r="I121" s="205"/>
      <c r="J121" s="205"/>
      <c r="K121" s="205"/>
      <c r="L121" s="205"/>
      <c r="M121" s="205"/>
      <c r="N121" s="205"/>
      <c r="O121" s="205"/>
      <c r="P121" s="205"/>
      <c r="Q121" s="205"/>
      <c r="R121" s="205"/>
      <c r="S121" s="205"/>
      <c r="T121" s="205"/>
      <c r="U121" s="205"/>
      <c r="V121" s="205"/>
      <c r="W121" s="205"/>
      <c r="X121" s="205"/>
      <c r="Y121" s="205"/>
      <c r="Z121" s="205"/>
      <c r="AA121" s="205"/>
      <c r="AB121" s="205"/>
      <c r="AC121" s="205"/>
      <c r="AD121" s="205"/>
      <c r="AE121" s="205"/>
      <c r="AF121" s="205"/>
      <c r="AG121" s="205"/>
      <c r="AH121" s="205"/>
      <c r="AI121" s="205"/>
      <c r="AJ121" s="205"/>
      <c r="AK121" s="205"/>
      <c r="AL121" s="205"/>
      <c r="AM121" s="205"/>
      <c r="AN121" s="205"/>
      <c r="AO121" s="205"/>
      <c r="AP121" s="205"/>
      <c r="AQ121" s="205"/>
      <c r="AR121" s="205"/>
      <c r="AS121" s="205"/>
      <c r="AT121" s="205"/>
      <c r="AU121" s="205"/>
      <c r="AV121" s="205"/>
      <c r="AW121" s="205"/>
      <c r="AX121" s="205"/>
      <c r="AY121" s="205"/>
      <c r="AZ121" s="205"/>
    </row>
    <row r="122" spans="4:52" x14ac:dyDescent="0.55000000000000004">
      <c r="D122" s="205"/>
      <c r="E122" s="205"/>
      <c r="F122" s="205"/>
      <c r="G122" s="205"/>
      <c r="H122" s="205"/>
      <c r="I122" s="205"/>
      <c r="J122" s="205"/>
      <c r="K122" s="205"/>
      <c r="L122" s="205"/>
      <c r="M122" s="205"/>
      <c r="N122" s="205"/>
      <c r="O122" s="205"/>
      <c r="P122" s="205"/>
      <c r="Q122" s="205"/>
      <c r="R122" s="205"/>
      <c r="S122" s="205"/>
      <c r="T122" s="205"/>
      <c r="U122" s="205"/>
      <c r="V122" s="205"/>
      <c r="W122" s="205"/>
      <c r="X122" s="205"/>
      <c r="Y122" s="205"/>
      <c r="Z122" s="205"/>
      <c r="AA122" s="205"/>
      <c r="AB122" s="205"/>
      <c r="AC122" s="205"/>
      <c r="AD122" s="205"/>
      <c r="AE122" s="205"/>
      <c r="AF122" s="205"/>
      <c r="AG122" s="205"/>
      <c r="AH122" s="205"/>
      <c r="AI122" s="205"/>
      <c r="AJ122" s="205"/>
      <c r="AK122" s="205"/>
      <c r="AL122" s="205"/>
      <c r="AM122" s="205"/>
      <c r="AN122" s="205"/>
      <c r="AO122" s="205"/>
      <c r="AP122" s="205"/>
      <c r="AQ122" s="205"/>
      <c r="AR122" s="205"/>
      <c r="AS122" s="205"/>
      <c r="AT122" s="205"/>
      <c r="AU122" s="205"/>
      <c r="AV122" s="205"/>
      <c r="AW122" s="205"/>
      <c r="AX122" s="205"/>
      <c r="AY122" s="205"/>
      <c r="AZ122" s="205"/>
    </row>
    <row r="123" spans="4:52" x14ac:dyDescent="0.55000000000000004">
      <c r="D123" s="205"/>
      <c r="E123" s="205"/>
      <c r="F123" s="205"/>
      <c r="G123" s="205"/>
      <c r="H123" s="205"/>
      <c r="I123" s="205"/>
      <c r="J123" s="205"/>
      <c r="K123" s="205"/>
      <c r="L123" s="205"/>
      <c r="M123" s="205"/>
      <c r="N123" s="205"/>
      <c r="O123" s="205"/>
      <c r="P123" s="205"/>
      <c r="Q123" s="205"/>
      <c r="R123" s="205"/>
      <c r="S123" s="205"/>
      <c r="T123" s="205"/>
      <c r="U123" s="205"/>
      <c r="V123" s="205"/>
      <c r="W123" s="205"/>
      <c r="X123" s="205"/>
      <c r="Y123" s="205"/>
      <c r="Z123" s="205"/>
      <c r="AA123" s="205"/>
      <c r="AB123" s="205"/>
      <c r="AC123" s="205"/>
      <c r="AD123" s="205"/>
      <c r="AE123" s="205"/>
      <c r="AF123" s="205"/>
      <c r="AG123" s="205"/>
      <c r="AH123" s="205"/>
      <c r="AI123" s="205"/>
      <c r="AJ123" s="205"/>
      <c r="AK123" s="205"/>
      <c r="AL123" s="205"/>
      <c r="AM123" s="205"/>
      <c r="AN123" s="205"/>
      <c r="AO123" s="205"/>
      <c r="AP123" s="205"/>
      <c r="AQ123" s="205"/>
      <c r="AR123" s="205"/>
      <c r="AS123" s="205"/>
      <c r="AT123" s="205"/>
      <c r="AU123" s="205"/>
      <c r="AV123" s="205"/>
      <c r="AW123" s="205"/>
      <c r="AX123" s="205"/>
      <c r="AY123" s="205"/>
      <c r="AZ123" s="205"/>
    </row>
    <row r="124" spans="4:52" x14ac:dyDescent="0.55000000000000004">
      <c r="D124" s="205"/>
      <c r="E124" s="205"/>
      <c r="F124" s="205"/>
      <c r="G124" s="205"/>
      <c r="H124" s="205"/>
      <c r="I124" s="205"/>
      <c r="J124" s="205"/>
      <c r="K124" s="205"/>
      <c r="L124" s="205"/>
      <c r="M124" s="205"/>
      <c r="N124" s="205"/>
      <c r="O124" s="205"/>
      <c r="P124" s="205"/>
      <c r="Q124" s="205"/>
      <c r="R124" s="205"/>
      <c r="S124" s="205"/>
      <c r="T124" s="205"/>
      <c r="U124" s="205"/>
      <c r="V124" s="205"/>
      <c r="W124" s="205"/>
      <c r="X124" s="205"/>
      <c r="Y124" s="205"/>
      <c r="Z124" s="205"/>
      <c r="AA124" s="205"/>
      <c r="AB124" s="205"/>
      <c r="AC124" s="205"/>
      <c r="AD124" s="205"/>
      <c r="AE124" s="205"/>
      <c r="AF124" s="205"/>
      <c r="AG124" s="205"/>
      <c r="AH124" s="205"/>
      <c r="AI124" s="205"/>
      <c r="AJ124" s="205"/>
      <c r="AK124" s="205"/>
      <c r="AL124" s="205"/>
      <c r="AM124" s="205"/>
      <c r="AN124" s="205"/>
      <c r="AO124" s="205"/>
      <c r="AP124" s="205"/>
      <c r="AQ124" s="205"/>
      <c r="AR124" s="205"/>
      <c r="AS124" s="205"/>
      <c r="AT124" s="205"/>
      <c r="AU124" s="205"/>
      <c r="AV124" s="205"/>
      <c r="AW124" s="205"/>
      <c r="AX124" s="205"/>
      <c r="AY124" s="205"/>
      <c r="AZ124" s="205"/>
    </row>
    <row r="125" spans="4:52" x14ac:dyDescent="0.55000000000000004">
      <c r="D125" s="205"/>
      <c r="E125" s="205"/>
      <c r="F125" s="205"/>
      <c r="G125" s="205"/>
      <c r="H125" s="205"/>
      <c r="I125" s="205"/>
      <c r="J125" s="205"/>
      <c r="K125" s="205"/>
      <c r="L125" s="205"/>
      <c r="M125" s="205"/>
      <c r="N125" s="205"/>
      <c r="O125" s="205"/>
      <c r="P125" s="205"/>
      <c r="Q125" s="205"/>
      <c r="R125" s="205"/>
      <c r="S125" s="205"/>
      <c r="T125" s="205"/>
      <c r="U125" s="205"/>
      <c r="V125" s="205"/>
      <c r="W125" s="205"/>
      <c r="X125" s="205"/>
      <c r="Y125" s="205"/>
      <c r="Z125" s="205"/>
      <c r="AA125" s="205"/>
      <c r="AB125" s="205"/>
      <c r="AC125" s="205"/>
      <c r="AD125" s="205"/>
      <c r="AE125" s="205"/>
      <c r="AF125" s="205"/>
      <c r="AG125" s="205"/>
      <c r="AH125" s="205"/>
      <c r="AI125" s="205"/>
      <c r="AJ125" s="205"/>
      <c r="AK125" s="205"/>
      <c r="AL125" s="205"/>
      <c r="AM125" s="205"/>
      <c r="AN125" s="205"/>
      <c r="AO125" s="205"/>
      <c r="AP125" s="205"/>
      <c r="AQ125" s="205"/>
      <c r="AR125" s="205"/>
      <c r="AS125" s="205"/>
      <c r="AT125" s="205"/>
      <c r="AU125" s="205"/>
      <c r="AV125" s="205"/>
      <c r="AW125" s="205"/>
      <c r="AX125" s="205"/>
      <c r="AY125" s="205"/>
      <c r="AZ125" s="205"/>
    </row>
    <row r="126" spans="4:52" x14ac:dyDescent="0.55000000000000004">
      <c r="D126" s="205"/>
      <c r="E126" s="205"/>
      <c r="F126" s="205"/>
      <c r="G126" s="205"/>
      <c r="H126" s="205"/>
      <c r="I126" s="205"/>
      <c r="J126" s="205"/>
      <c r="K126" s="205"/>
      <c r="L126" s="205"/>
      <c r="M126" s="205"/>
      <c r="N126" s="205"/>
      <c r="O126" s="205"/>
      <c r="P126" s="205"/>
      <c r="Q126" s="205"/>
      <c r="R126" s="205"/>
      <c r="S126" s="205"/>
      <c r="T126" s="205"/>
      <c r="U126" s="205"/>
      <c r="V126" s="205"/>
      <c r="W126" s="205"/>
      <c r="X126" s="205"/>
      <c r="Y126" s="205"/>
      <c r="Z126" s="205"/>
      <c r="AA126" s="205"/>
      <c r="AB126" s="205"/>
      <c r="AC126" s="205"/>
      <c r="AD126" s="205"/>
      <c r="AE126" s="205"/>
      <c r="AF126" s="205"/>
      <c r="AG126" s="205"/>
      <c r="AH126" s="205"/>
      <c r="AI126" s="205"/>
      <c r="AJ126" s="205"/>
      <c r="AK126" s="205"/>
      <c r="AL126" s="205"/>
      <c r="AM126" s="205"/>
      <c r="AN126" s="205"/>
      <c r="AO126" s="205"/>
      <c r="AP126" s="205"/>
      <c r="AQ126" s="205"/>
      <c r="AR126" s="205"/>
      <c r="AS126" s="205"/>
      <c r="AT126" s="205"/>
      <c r="AU126" s="205"/>
      <c r="AV126" s="205"/>
      <c r="AW126" s="205"/>
      <c r="AX126" s="205"/>
      <c r="AY126" s="205"/>
      <c r="AZ126" s="205"/>
    </row>
    <row r="127" spans="4:52" x14ac:dyDescent="0.55000000000000004">
      <c r="D127" s="205"/>
      <c r="E127" s="205"/>
      <c r="F127" s="205"/>
      <c r="G127" s="205"/>
      <c r="H127" s="205"/>
      <c r="I127" s="205"/>
      <c r="J127" s="205"/>
      <c r="K127" s="205"/>
      <c r="L127" s="205"/>
      <c r="M127" s="205"/>
      <c r="N127" s="205"/>
      <c r="O127" s="205"/>
      <c r="P127" s="205"/>
      <c r="Q127" s="205"/>
      <c r="R127" s="205"/>
      <c r="S127" s="205"/>
      <c r="T127" s="205"/>
      <c r="U127" s="205"/>
      <c r="V127" s="205"/>
      <c r="W127" s="205"/>
      <c r="X127" s="205"/>
      <c r="Y127" s="205"/>
      <c r="Z127" s="205"/>
      <c r="AA127" s="205"/>
      <c r="AB127" s="205"/>
      <c r="AC127" s="205"/>
      <c r="AD127" s="205"/>
      <c r="AE127" s="205"/>
      <c r="AF127" s="205"/>
      <c r="AG127" s="205"/>
      <c r="AH127" s="205"/>
      <c r="AI127" s="205"/>
      <c r="AJ127" s="205"/>
      <c r="AK127" s="205"/>
      <c r="AL127" s="205"/>
      <c r="AM127" s="205"/>
      <c r="AN127" s="205"/>
      <c r="AO127" s="205"/>
      <c r="AP127" s="205"/>
      <c r="AQ127" s="205"/>
      <c r="AR127" s="205"/>
      <c r="AS127" s="205"/>
      <c r="AT127" s="205"/>
      <c r="AU127" s="205"/>
      <c r="AV127" s="205"/>
      <c r="AW127" s="205"/>
      <c r="AX127" s="205"/>
      <c r="AY127" s="205"/>
      <c r="AZ127" s="205"/>
    </row>
    <row r="128" spans="4:52" x14ac:dyDescent="0.55000000000000004">
      <c r="D128" s="205"/>
      <c r="E128" s="205"/>
      <c r="F128" s="205"/>
      <c r="G128" s="205"/>
      <c r="H128" s="205"/>
      <c r="I128" s="205"/>
      <c r="J128" s="205"/>
      <c r="K128" s="205"/>
      <c r="L128" s="205"/>
      <c r="M128" s="205"/>
      <c r="N128" s="205"/>
      <c r="O128" s="205"/>
      <c r="P128" s="205"/>
      <c r="Q128" s="205"/>
      <c r="R128" s="205"/>
      <c r="S128" s="205"/>
      <c r="T128" s="205"/>
      <c r="U128" s="205"/>
      <c r="V128" s="205"/>
      <c r="W128" s="205"/>
      <c r="X128" s="205"/>
      <c r="Y128" s="205"/>
      <c r="Z128" s="205"/>
      <c r="AA128" s="205"/>
      <c r="AB128" s="205"/>
      <c r="AC128" s="205"/>
      <c r="AD128" s="205"/>
      <c r="AE128" s="205"/>
      <c r="AF128" s="205"/>
      <c r="AG128" s="205"/>
      <c r="AH128" s="205"/>
      <c r="AI128" s="205"/>
      <c r="AJ128" s="205"/>
      <c r="AK128" s="205"/>
      <c r="AL128" s="205"/>
      <c r="AM128" s="205"/>
      <c r="AN128" s="205"/>
      <c r="AO128" s="205"/>
      <c r="AP128" s="205"/>
      <c r="AQ128" s="205"/>
      <c r="AR128" s="205"/>
      <c r="AS128" s="205"/>
      <c r="AT128" s="205"/>
      <c r="AU128" s="205"/>
      <c r="AV128" s="205"/>
      <c r="AW128" s="205"/>
      <c r="AX128" s="205"/>
      <c r="AY128" s="205"/>
      <c r="AZ128" s="205"/>
    </row>
    <row r="129" spans="4:52" x14ac:dyDescent="0.55000000000000004">
      <c r="D129" s="205"/>
      <c r="E129" s="205"/>
      <c r="F129" s="205"/>
      <c r="G129" s="205"/>
      <c r="H129" s="205"/>
      <c r="I129" s="205"/>
      <c r="J129" s="205"/>
      <c r="K129" s="205"/>
      <c r="L129" s="205"/>
      <c r="M129" s="205"/>
      <c r="N129" s="205"/>
      <c r="O129" s="205"/>
      <c r="P129" s="205"/>
      <c r="Q129" s="205"/>
      <c r="R129" s="205"/>
      <c r="S129" s="205"/>
      <c r="T129" s="205"/>
      <c r="U129" s="205"/>
      <c r="V129" s="205"/>
      <c r="W129" s="205"/>
      <c r="X129" s="205"/>
      <c r="Y129" s="205"/>
      <c r="Z129" s="205"/>
      <c r="AA129" s="205"/>
      <c r="AB129" s="205"/>
      <c r="AC129" s="205"/>
      <c r="AD129" s="205"/>
      <c r="AE129" s="205"/>
      <c r="AF129" s="205"/>
      <c r="AG129" s="205"/>
      <c r="AH129" s="205"/>
      <c r="AI129" s="205"/>
      <c r="AJ129" s="205"/>
      <c r="AK129" s="205"/>
      <c r="AL129" s="205"/>
      <c r="AM129" s="205"/>
      <c r="AN129" s="205"/>
      <c r="AO129" s="205"/>
      <c r="AP129" s="205"/>
      <c r="AQ129" s="205"/>
      <c r="AR129" s="205"/>
      <c r="AS129" s="205"/>
      <c r="AT129" s="205"/>
      <c r="AU129" s="205"/>
      <c r="AV129" s="205"/>
      <c r="AW129" s="205"/>
      <c r="AX129" s="205"/>
      <c r="AY129" s="205"/>
      <c r="AZ129" s="205"/>
    </row>
    <row r="130" spans="4:52" x14ac:dyDescent="0.55000000000000004">
      <c r="D130" s="205"/>
      <c r="E130" s="205"/>
      <c r="F130" s="205"/>
      <c r="G130" s="205"/>
      <c r="H130" s="205"/>
      <c r="I130" s="205"/>
      <c r="J130" s="205"/>
      <c r="K130" s="205"/>
      <c r="L130" s="205"/>
      <c r="M130" s="205"/>
      <c r="N130" s="205"/>
      <c r="O130" s="205"/>
      <c r="P130" s="205"/>
      <c r="Q130" s="205"/>
      <c r="R130" s="205"/>
      <c r="S130" s="205"/>
      <c r="T130" s="205"/>
      <c r="U130" s="205"/>
      <c r="V130" s="205"/>
      <c r="W130" s="205"/>
      <c r="X130" s="205"/>
      <c r="Y130" s="205"/>
      <c r="Z130" s="205"/>
      <c r="AA130" s="205"/>
      <c r="AB130" s="205"/>
      <c r="AC130" s="205"/>
      <c r="AD130" s="205"/>
      <c r="AE130" s="205"/>
      <c r="AF130" s="205"/>
      <c r="AG130" s="205"/>
      <c r="AH130" s="205"/>
      <c r="AI130" s="205"/>
      <c r="AJ130" s="205"/>
      <c r="AK130" s="205"/>
      <c r="AL130" s="205"/>
      <c r="AM130" s="205"/>
      <c r="AN130" s="205"/>
      <c r="AO130" s="205"/>
      <c r="AP130" s="205"/>
      <c r="AQ130" s="205"/>
      <c r="AR130" s="205"/>
      <c r="AS130" s="205"/>
      <c r="AT130" s="205"/>
      <c r="AU130" s="205"/>
      <c r="AV130" s="205"/>
      <c r="AW130" s="205"/>
      <c r="AX130" s="205"/>
      <c r="AY130" s="205"/>
      <c r="AZ130" s="205"/>
    </row>
    <row r="131" spans="4:52" x14ac:dyDescent="0.55000000000000004">
      <c r="D131" s="205"/>
      <c r="E131" s="205"/>
      <c r="F131" s="205"/>
      <c r="G131" s="205"/>
      <c r="H131" s="205"/>
      <c r="I131" s="205"/>
      <c r="J131" s="205"/>
      <c r="K131" s="205"/>
      <c r="L131" s="205"/>
      <c r="M131" s="205"/>
      <c r="N131" s="205"/>
      <c r="O131" s="205"/>
      <c r="P131" s="205"/>
      <c r="Q131" s="205"/>
      <c r="R131" s="205"/>
      <c r="S131" s="205"/>
      <c r="T131" s="205"/>
      <c r="U131" s="205"/>
      <c r="V131" s="205"/>
      <c r="W131" s="205"/>
      <c r="X131" s="205"/>
      <c r="Y131" s="205"/>
      <c r="Z131" s="205"/>
      <c r="AA131" s="205"/>
      <c r="AB131" s="205"/>
      <c r="AC131" s="205"/>
      <c r="AD131" s="205"/>
      <c r="AE131" s="205"/>
      <c r="AF131" s="205"/>
      <c r="AG131" s="205"/>
      <c r="AH131" s="205"/>
      <c r="AI131" s="205"/>
      <c r="AJ131" s="205"/>
      <c r="AK131" s="205"/>
      <c r="AL131" s="205"/>
      <c r="AM131" s="205"/>
      <c r="AN131" s="205"/>
      <c r="AO131" s="205"/>
      <c r="AP131" s="205"/>
      <c r="AQ131" s="205"/>
      <c r="AR131" s="205"/>
      <c r="AS131" s="205"/>
      <c r="AT131" s="205"/>
      <c r="AU131" s="205"/>
      <c r="AV131" s="205"/>
      <c r="AW131" s="205"/>
      <c r="AX131" s="205"/>
      <c r="AY131" s="205"/>
      <c r="AZ131" s="205"/>
    </row>
    <row r="132" spans="4:52" x14ac:dyDescent="0.55000000000000004">
      <c r="D132" s="205"/>
      <c r="E132" s="205"/>
      <c r="F132" s="205"/>
      <c r="G132" s="205"/>
      <c r="H132" s="205"/>
      <c r="I132" s="205"/>
      <c r="J132" s="205"/>
      <c r="K132" s="205"/>
      <c r="L132" s="205"/>
      <c r="M132" s="205"/>
      <c r="N132" s="205"/>
      <c r="O132" s="205"/>
      <c r="P132" s="205"/>
      <c r="Q132" s="205"/>
      <c r="R132" s="205"/>
      <c r="S132" s="205"/>
      <c r="T132" s="205"/>
      <c r="U132" s="205"/>
      <c r="V132" s="205"/>
      <c r="W132" s="205"/>
      <c r="X132" s="205"/>
      <c r="Y132" s="205"/>
      <c r="Z132" s="205"/>
      <c r="AA132" s="205"/>
      <c r="AB132" s="205"/>
      <c r="AC132" s="205"/>
      <c r="AD132" s="205"/>
      <c r="AE132" s="205"/>
      <c r="AF132" s="205"/>
      <c r="AG132" s="205"/>
      <c r="AH132" s="205"/>
      <c r="AI132" s="205"/>
      <c r="AJ132" s="205"/>
      <c r="AK132" s="205"/>
      <c r="AL132" s="205"/>
      <c r="AM132" s="205"/>
      <c r="AN132" s="205"/>
      <c r="AO132" s="205"/>
      <c r="AP132" s="205"/>
      <c r="AQ132" s="205"/>
      <c r="AR132" s="205"/>
      <c r="AS132" s="205"/>
      <c r="AT132" s="205"/>
      <c r="AU132" s="205"/>
      <c r="AV132" s="205"/>
      <c r="AW132" s="205"/>
      <c r="AX132" s="205"/>
      <c r="AY132" s="205"/>
      <c r="AZ132" s="205"/>
    </row>
    <row r="133" spans="4:52" x14ac:dyDescent="0.55000000000000004">
      <c r="D133" s="205"/>
      <c r="E133" s="205"/>
      <c r="F133" s="205"/>
      <c r="G133" s="205"/>
      <c r="H133" s="205"/>
      <c r="I133" s="205"/>
      <c r="J133" s="205"/>
      <c r="K133" s="205"/>
      <c r="L133" s="205"/>
      <c r="M133" s="205"/>
      <c r="N133" s="205"/>
      <c r="O133" s="205"/>
      <c r="P133" s="205"/>
      <c r="Q133" s="205"/>
      <c r="R133" s="205"/>
      <c r="S133" s="205"/>
      <c r="T133" s="205"/>
      <c r="U133" s="205"/>
      <c r="V133" s="205"/>
      <c r="W133" s="205"/>
      <c r="X133" s="205"/>
      <c r="Y133" s="205"/>
      <c r="Z133" s="205"/>
      <c r="AA133" s="205"/>
      <c r="AB133" s="205"/>
      <c r="AC133" s="205"/>
      <c r="AD133" s="205"/>
      <c r="AE133" s="205"/>
      <c r="AF133" s="205"/>
      <c r="AG133" s="205"/>
      <c r="AH133" s="205"/>
      <c r="AI133" s="205"/>
      <c r="AJ133" s="205"/>
      <c r="AK133" s="205"/>
      <c r="AL133" s="205"/>
      <c r="AM133" s="205"/>
      <c r="AN133" s="205"/>
      <c r="AO133" s="205"/>
      <c r="AP133" s="205"/>
      <c r="AQ133" s="205"/>
      <c r="AR133" s="205"/>
      <c r="AS133" s="205"/>
      <c r="AT133" s="205"/>
      <c r="AU133" s="205"/>
      <c r="AV133" s="205"/>
      <c r="AW133" s="205"/>
      <c r="AX133" s="205"/>
      <c r="AY133" s="205"/>
      <c r="AZ133" s="205"/>
    </row>
    <row r="134" spans="4:52" x14ac:dyDescent="0.55000000000000004">
      <c r="D134" s="205"/>
      <c r="E134" s="205"/>
      <c r="F134" s="205"/>
      <c r="G134" s="205"/>
      <c r="H134" s="205"/>
      <c r="I134" s="205"/>
      <c r="J134" s="205"/>
      <c r="K134" s="205"/>
      <c r="L134" s="205"/>
      <c r="M134" s="205"/>
      <c r="N134" s="205"/>
      <c r="O134" s="205"/>
      <c r="P134" s="205"/>
      <c r="Q134" s="205"/>
      <c r="R134" s="205"/>
      <c r="S134" s="205"/>
      <c r="T134" s="205"/>
      <c r="U134" s="205"/>
      <c r="V134" s="205"/>
      <c r="W134" s="205"/>
      <c r="X134" s="205"/>
      <c r="Y134" s="205"/>
      <c r="Z134" s="205"/>
      <c r="AA134" s="205"/>
      <c r="AB134" s="205"/>
      <c r="AC134" s="205"/>
      <c r="AD134" s="205"/>
      <c r="AE134" s="205"/>
      <c r="AF134" s="205"/>
      <c r="AG134" s="205"/>
      <c r="AH134" s="205"/>
      <c r="AI134" s="205"/>
      <c r="AJ134" s="205"/>
      <c r="AK134" s="205"/>
      <c r="AL134" s="205"/>
      <c r="AM134" s="205"/>
      <c r="AN134" s="205"/>
      <c r="AO134" s="205"/>
      <c r="AP134" s="205"/>
      <c r="AQ134" s="205"/>
      <c r="AR134" s="205"/>
      <c r="AS134" s="205"/>
      <c r="AT134" s="205"/>
      <c r="AU134" s="205"/>
      <c r="AV134" s="205"/>
      <c r="AW134" s="205"/>
      <c r="AX134" s="205"/>
      <c r="AY134" s="205"/>
      <c r="AZ134" s="205"/>
    </row>
    <row r="135" spans="4:52" x14ac:dyDescent="0.55000000000000004">
      <c r="D135" s="205"/>
      <c r="E135" s="205"/>
      <c r="F135" s="205"/>
      <c r="G135" s="205"/>
      <c r="H135" s="205"/>
      <c r="I135" s="205"/>
      <c r="J135" s="205"/>
      <c r="K135" s="205"/>
      <c r="L135" s="205"/>
      <c r="M135" s="205"/>
      <c r="N135" s="205"/>
      <c r="O135" s="205"/>
      <c r="P135" s="205"/>
      <c r="Q135" s="205"/>
      <c r="R135" s="205"/>
      <c r="S135" s="205"/>
      <c r="T135" s="205"/>
      <c r="U135" s="205"/>
      <c r="V135" s="205"/>
      <c r="W135" s="205"/>
      <c r="X135" s="205"/>
      <c r="Y135" s="205"/>
      <c r="Z135" s="205"/>
      <c r="AA135" s="205"/>
      <c r="AB135" s="205"/>
      <c r="AC135" s="205"/>
      <c r="AD135" s="205"/>
      <c r="AE135" s="205"/>
      <c r="AF135" s="205"/>
      <c r="AG135" s="205"/>
      <c r="AH135" s="205"/>
      <c r="AI135" s="205"/>
      <c r="AJ135" s="205"/>
      <c r="AK135" s="205"/>
      <c r="AL135" s="205"/>
      <c r="AM135" s="205"/>
      <c r="AN135" s="205"/>
      <c r="AO135" s="205"/>
      <c r="AP135" s="205"/>
      <c r="AQ135" s="205"/>
      <c r="AR135" s="205"/>
      <c r="AS135" s="205"/>
      <c r="AT135" s="205"/>
      <c r="AU135" s="205"/>
      <c r="AV135" s="205"/>
      <c r="AW135" s="205"/>
      <c r="AX135" s="205"/>
      <c r="AY135" s="205"/>
      <c r="AZ135" s="205"/>
    </row>
    <row r="136" spans="4:52" x14ac:dyDescent="0.55000000000000004">
      <c r="D136" s="205"/>
      <c r="E136" s="205"/>
      <c r="F136" s="205"/>
      <c r="G136" s="205"/>
      <c r="H136" s="205"/>
      <c r="I136" s="205"/>
      <c r="J136" s="205"/>
      <c r="K136" s="205"/>
      <c r="L136" s="205"/>
      <c r="M136" s="205"/>
      <c r="N136" s="205"/>
      <c r="O136" s="205"/>
      <c r="P136" s="205"/>
      <c r="Q136" s="205"/>
      <c r="R136" s="205"/>
      <c r="S136" s="205"/>
      <c r="T136" s="205"/>
      <c r="U136" s="205"/>
      <c r="V136" s="205"/>
      <c r="W136" s="205"/>
      <c r="X136" s="205"/>
      <c r="Y136" s="205"/>
      <c r="Z136" s="205"/>
      <c r="AA136" s="205"/>
      <c r="AB136" s="205"/>
      <c r="AC136" s="205"/>
      <c r="AD136" s="205"/>
      <c r="AE136" s="205"/>
      <c r="AF136" s="205"/>
      <c r="AG136" s="205"/>
      <c r="AH136" s="205"/>
      <c r="AI136" s="205"/>
      <c r="AJ136" s="205"/>
      <c r="AK136" s="205"/>
      <c r="AL136" s="205"/>
      <c r="AM136" s="205"/>
      <c r="AN136" s="205"/>
      <c r="AO136" s="205"/>
      <c r="AP136" s="205"/>
      <c r="AQ136" s="205"/>
      <c r="AR136" s="205"/>
      <c r="AS136" s="205"/>
      <c r="AT136" s="205"/>
      <c r="AU136" s="205"/>
      <c r="AV136" s="205"/>
      <c r="AW136" s="205"/>
      <c r="AX136" s="205"/>
      <c r="AY136" s="205"/>
      <c r="AZ136" s="205"/>
    </row>
    <row r="137" spans="4:52" x14ac:dyDescent="0.55000000000000004">
      <c r="D137" s="205"/>
      <c r="E137" s="205"/>
      <c r="F137" s="205"/>
      <c r="G137" s="205"/>
      <c r="H137" s="205"/>
      <c r="I137" s="205"/>
      <c r="J137" s="205"/>
      <c r="K137" s="205"/>
      <c r="L137" s="205"/>
      <c r="M137" s="205"/>
      <c r="N137" s="205"/>
      <c r="O137" s="205"/>
      <c r="P137" s="205"/>
      <c r="Q137" s="205"/>
      <c r="R137" s="205"/>
      <c r="S137" s="205"/>
      <c r="T137" s="205"/>
      <c r="U137" s="205"/>
      <c r="V137" s="205"/>
      <c r="W137" s="205"/>
      <c r="X137" s="205"/>
      <c r="Y137" s="205"/>
      <c r="Z137" s="205"/>
      <c r="AA137" s="205"/>
      <c r="AB137" s="205"/>
      <c r="AC137" s="205"/>
      <c r="AD137" s="205"/>
      <c r="AE137" s="205"/>
      <c r="AF137" s="205"/>
      <c r="AG137" s="205"/>
      <c r="AH137" s="205"/>
      <c r="AI137" s="205"/>
      <c r="AJ137" s="205"/>
      <c r="AK137" s="205"/>
      <c r="AL137" s="205"/>
      <c r="AM137" s="205"/>
      <c r="AN137" s="205"/>
      <c r="AO137" s="205"/>
      <c r="AP137" s="205"/>
      <c r="AQ137" s="205"/>
      <c r="AR137" s="205"/>
      <c r="AS137" s="205"/>
      <c r="AT137" s="205"/>
      <c r="AU137" s="205"/>
      <c r="AV137" s="205"/>
      <c r="AW137" s="205"/>
      <c r="AX137" s="205"/>
      <c r="AY137" s="205"/>
      <c r="AZ137" s="205"/>
    </row>
    <row r="138" spans="4:52" x14ac:dyDescent="0.55000000000000004">
      <c r="D138" s="205"/>
      <c r="E138" s="205"/>
      <c r="F138" s="205"/>
      <c r="G138" s="205"/>
      <c r="H138" s="205"/>
      <c r="I138" s="205"/>
      <c r="J138" s="205"/>
      <c r="K138" s="205"/>
      <c r="L138" s="205"/>
      <c r="M138" s="205"/>
      <c r="N138" s="205"/>
      <c r="O138" s="205"/>
      <c r="P138" s="205"/>
      <c r="Q138" s="205"/>
      <c r="R138" s="205"/>
      <c r="S138" s="205"/>
      <c r="T138" s="205"/>
      <c r="U138" s="205"/>
      <c r="V138" s="205"/>
      <c r="W138" s="205"/>
      <c r="X138" s="205"/>
      <c r="Y138" s="205"/>
      <c r="Z138" s="205"/>
      <c r="AA138" s="205"/>
      <c r="AB138" s="205"/>
      <c r="AC138" s="205"/>
      <c r="AD138" s="205"/>
      <c r="AE138" s="205"/>
      <c r="AF138" s="205"/>
      <c r="AG138" s="205"/>
      <c r="AH138" s="205"/>
      <c r="AI138" s="205"/>
      <c r="AJ138" s="205"/>
      <c r="AK138" s="205"/>
      <c r="AL138" s="205"/>
      <c r="AM138" s="205"/>
      <c r="AN138" s="205"/>
      <c r="AO138" s="205"/>
      <c r="AP138" s="205"/>
      <c r="AQ138" s="205"/>
      <c r="AR138" s="205"/>
      <c r="AS138" s="205"/>
      <c r="AT138" s="205"/>
      <c r="AU138" s="205"/>
      <c r="AV138" s="205"/>
      <c r="AW138" s="205"/>
      <c r="AX138" s="205"/>
      <c r="AY138" s="205"/>
      <c r="AZ138" s="205"/>
    </row>
    <row r="139" spans="4:52" x14ac:dyDescent="0.55000000000000004">
      <c r="D139" s="205"/>
      <c r="E139" s="205"/>
      <c r="F139" s="205"/>
      <c r="G139" s="205"/>
      <c r="H139" s="205"/>
      <c r="I139" s="205"/>
      <c r="J139" s="205"/>
      <c r="K139" s="205"/>
      <c r="L139" s="205"/>
      <c r="M139" s="205"/>
      <c r="N139" s="205"/>
      <c r="O139" s="205"/>
      <c r="P139" s="205"/>
      <c r="Q139" s="205"/>
      <c r="R139" s="205"/>
      <c r="S139" s="205"/>
      <c r="T139" s="205"/>
      <c r="U139" s="205"/>
      <c r="V139" s="205"/>
      <c r="W139" s="205"/>
      <c r="X139" s="205"/>
      <c r="Y139" s="205"/>
      <c r="Z139" s="205"/>
      <c r="AA139" s="205"/>
      <c r="AB139" s="205"/>
      <c r="AC139" s="205"/>
      <c r="AD139" s="205"/>
      <c r="AE139" s="205"/>
      <c r="AF139" s="205"/>
      <c r="AG139" s="205"/>
      <c r="AH139" s="205"/>
      <c r="AI139" s="205"/>
      <c r="AJ139" s="205"/>
      <c r="AK139" s="205"/>
      <c r="AL139" s="205"/>
      <c r="AM139" s="205"/>
      <c r="AN139" s="205"/>
      <c r="AO139" s="205"/>
      <c r="AP139" s="205"/>
      <c r="AQ139" s="205"/>
      <c r="AR139" s="205"/>
      <c r="AS139" s="205"/>
      <c r="AT139" s="205"/>
      <c r="AU139" s="205"/>
      <c r="AV139" s="205"/>
      <c r="AW139" s="205"/>
      <c r="AX139" s="205"/>
      <c r="AY139" s="205"/>
      <c r="AZ139" s="205"/>
    </row>
    <row r="140" spans="4:52" x14ac:dyDescent="0.55000000000000004">
      <c r="D140" s="205"/>
      <c r="E140" s="205"/>
      <c r="F140" s="205"/>
      <c r="G140" s="205"/>
      <c r="H140" s="205"/>
      <c r="I140" s="205"/>
      <c r="J140" s="205"/>
      <c r="K140" s="205"/>
      <c r="L140" s="205"/>
      <c r="M140" s="205"/>
      <c r="N140" s="205"/>
      <c r="O140" s="205"/>
      <c r="P140" s="205"/>
      <c r="Q140" s="205"/>
      <c r="R140" s="205"/>
      <c r="S140" s="205"/>
      <c r="T140" s="205"/>
      <c r="U140" s="205"/>
      <c r="V140" s="205"/>
      <c r="W140" s="205"/>
      <c r="X140" s="205"/>
      <c r="Y140" s="205"/>
      <c r="Z140" s="205"/>
      <c r="AA140" s="205"/>
      <c r="AB140" s="205"/>
      <c r="AC140" s="205"/>
      <c r="AD140" s="205"/>
      <c r="AE140" s="205"/>
      <c r="AF140" s="205"/>
      <c r="AG140" s="205"/>
      <c r="AH140" s="205"/>
      <c r="AI140" s="205"/>
      <c r="AJ140" s="205"/>
      <c r="AK140" s="205"/>
      <c r="AL140" s="205"/>
      <c r="AM140" s="205"/>
      <c r="AN140" s="205"/>
      <c r="AO140" s="205"/>
      <c r="AP140" s="205"/>
      <c r="AQ140" s="205"/>
      <c r="AR140" s="205"/>
      <c r="AS140" s="205"/>
      <c r="AT140" s="205"/>
      <c r="AU140" s="205"/>
      <c r="AV140" s="205"/>
      <c r="AW140" s="205"/>
      <c r="AX140" s="205"/>
      <c r="AY140" s="205"/>
      <c r="AZ140" s="205"/>
    </row>
    <row r="141" spans="4:52" x14ac:dyDescent="0.55000000000000004">
      <c r="D141" s="205"/>
      <c r="E141" s="205"/>
      <c r="F141" s="205"/>
      <c r="G141" s="205"/>
      <c r="H141" s="205"/>
      <c r="I141" s="205"/>
      <c r="J141" s="205"/>
      <c r="K141" s="205"/>
      <c r="L141" s="205"/>
      <c r="M141" s="205"/>
      <c r="N141" s="205"/>
      <c r="O141" s="205"/>
      <c r="P141" s="205"/>
      <c r="Q141" s="205"/>
      <c r="R141" s="205"/>
      <c r="S141" s="205"/>
      <c r="T141" s="205"/>
      <c r="U141" s="205"/>
      <c r="V141" s="205"/>
      <c r="W141" s="205"/>
      <c r="X141" s="205"/>
      <c r="Y141" s="205"/>
      <c r="Z141" s="205"/>
      <c r="AA141" s="205"/>
      <c r="AB141" s="205"/>
      <c r="AC141" s="205"/>
      <c r="AD141" s="205"/>
      <c r="AE141" s="205"/>
      <c r="AF141" s="205"/>
      <c r="AG141" s="205"/>
      <c r="AH141" s="205"/>
      <c r="AI141" s="205"/>
      <c r="AJ141" s="205"/>
      <c r="AK141" s="205"/>
      <c r="AL141" s="205"/>
      <c r="AM141" s="205"/>
      <c r="AN141" s="205"/>
      <c r="AO141" s="205"/>
      <c r="AP141" s="205"/>
      <c r="AQ141" s="205"/>
      <c r="AR141" s="205"/>
      <c r="AS141" s="205"/>
      <c r="AT141" s="205"/>
      <c r="AU141" s="205"/>
      <c r="AV141" s="205"/>
      <c r="AW141" s="205"/>
      <c r="AX141" s="205"/>
      <c r="AY141" s="205"/>
      <c r="AZ141" s="205"/>
    </row>
    <row r="142" spans="4:52" x14ac:dyDescent="0.55000000000000004">
      <c r="D142" s="205"/>
      <c r="E142" s="205"/>
      <c r="F142" s="205"/>
      <c r="G142" s="205"/>
      <c r="H142" s="205"/>
      <c r="I142" s="205"/>
      <c r="J142" s="205"/>
      <c r="K142" s="205"/>
      <c r="L142" s="205"/>
      <c r="M142" s="205"/>
      <c r="N142" s="205"/>
      <c r="O142" s="205"/>
      <c r="P142" s="205"/>
      <c r="Q142" s="205"/>
      <c r="R142" s="205"/>
      <c r="S142" s="205"/>
      <c r="T142" s="205"/>
      <c r="U142" s="205"/>
      <c r="V142" s="205"/>
      <c r="W142" s="205"/>
      <c r="X142" s="205"/>
      <c r="Y142" s="205"/>
      <c r="Z142" s="205"/>
      <c r="AA142" s="205"/>
      <c r="AB142" s="205"/>
      <c r="AC142" s="205"/>
      <c r="AD142" s="205"/>
      <c r="AE142" s="205"/>
      <c r="AF142" s="205"/>
      <c r="AG142" s="205"/>
      <c r="AH142" s="205"/>
      <c r="AI142" s="205"/>
      <c r="AJ142" s="205"/>
      <c r="AK142" s="205"/>
      <c r="AL142" s="205"/>
      <c r="AM142" s="205"/>
      <c r="AN142" s="205"/>
      <c r="AO142" s="205"/>
      <c r="AP142" s="205"/>
      <c r="AQ142" s="205"/>
      <c r="AR142" s="205"/>
      <c r="AS142" s="205"/>
      <c r="AT142" s="205"/>
      <c r="AU142" s="205"/>
      <c r="AV142" s="205"/>
      <c r="AW142" s="205"/>
      <c r="AX142" s="205"/>
      <c r="AY142" s="205"/>
      <c r="AZ142" s="205"/>
    </row>
    <row r="143" spans="4:52" x14ac:dyDescent="0.55000000000000004">
      <c r="D143" s="205"/>
      <c r="E143" s="205"/>
      <c r="F143" s="205"/>
      <c r="G143" s="205"/>
      <c r="H143" s="205"/>
      <c r="I143" s="205"/>
      <c r="J143" s="205"/>
      <c r="K143" s="205"/>
      <c r="L143" s="205"/>
      <c r="M143" s="205"/>
      <c r="N143" s="205"/>
      <c r="O143" s="205"/>
      <c r="P143" s="205"/>
      <c r="Q143" s="205"/>
      <c r="R143" s="205"/>
      <c r="S143" s="205"/>
      <c r="T143" s="205"/>
      <c r="U143" s="205"/>
      <c r="V143" s="205"/>
      <c r="W143" s="205"/>
      <c r="X143" s="205"/>
      <c r="Y143" s="205"/>
      <c r="Z143" s="205"/>
      <c r="AA143" s="205"/>
      <c r="AB143" s="205"/>
      <c r="AC143" s="205"/>
      <c r="AD143" s="205"/>
      <c r="AE143" s="205"/>
      <c r="AF143" s="205"/>
      <c r="AG143" s="205"/>
      <c r="AH143" s="205"/>
      <c r="AI143" s="205"/>
      <c r="AJ143" s="205"/>
      <c r="AK143" s="205"/>
      <c r="AL143" s="205"/>
      <c r="AM143" s="205"/>
      <c r="AN143" s="205"/>
      <c r="AO143" s="205"/>
      <c r="AP143" s="205"/>
      <c r="AQ143" s="205"/>
      <c r="AR143" s="205"/>
      <c r="AS143" s="205"/>
      <c r="AT143" s="205"/>
      <c r="AU143" s="205"/>
      <c r="AV143" s="205"/>
      <c r="AW143" s="205"/>
      <c r="AX143" s="205"/>
      <c r="AY143" s="205"/>
      <c r="AZ143" s="205"/>
    </row>
    <row r="144" spans="4:52" x14ac:dyDescent="0.55000000000000004">
      <c r="D144" s="205"/>
      <c r="E144" s="205"/>
      <c r="F144" s="205"/>
      <c r="G144" s="205"/>
      <c r="H144" s="205"/>
      <c r="I144" s="205"/>
      <c r="J144" s="205"/>
      <c r="K144" s="205"/>
      <c r="L144" s="205"/>
      <c r="M144" s="205"/>
      <c r="N144" s="205"/>
      <c r="O144" s="205"/>
      <c r="P144" s="205"/>
      <c r="Q144" s="205"/>
      <c r="R144" s="205"/>
      <c r="S144" s="205"/>
      <c r="T144" s="205"/>
      <c r="U144" s="205"/>
      <c r="V144" s="205"/>
      <c r="W144" s="205"/>
      <c r="X144" s="205"/>
      <c r="Y144" s="205"/>
      <c r="Z144" s="205"/>
      <c r="AA144" s="205"/>
      <c r="AB144" s="205"/>
      <c r="AC144" s="205"/>
      <c r="AD144" s="205"/>
      <c r="AE144" s="205"/>
      <c r="AF144" s="205"/>
      <c r="AG144" s="205"/>
      <c r="AH144" s="205"/>
      <c r="AI144" s="205"/>
      <c r="AJ144" s="205"/>
      <c r="AK144" s="205"/>
      <c r="AL144" s="205"/>
      <c r="AM144" s="205"/>
      <c r="AN144" s="205"/>
      <c r="AO144" s="205"/>
      <c r="AP144" s="205"/>
      <c r="AQ144" s="205"/>
      <c r="AR144" s="205"/>
      <c r="AS144" s="205"/>
      <c r="AT144" s="205"/>
      <c r="AU144" s="205"/>
      <c r="AV144" s="205"/>
      <c r="AW144" s="205"/>
      <c r="AX144" s="205"/>
      <c r="AY144" s="205"/>
      <c r="AZ144" s="205"/>
    </row>
    <row r="145" spans="4:52" x14ac:dyDescent="0.55000000000000004">
      <c r="D145" s="205"/>
      <c r="E145" s="205"/>
      <c r="F145" s="205"/>
      <c r="G145" s="205"/>
      <c r="H145" s="205"/>
      <c r="I145" s="205"/>
      <c r="J145" s="205"/>
      <c r="K145" s="205"/>
      <c r="L145" s="205"/>
      <c r="M145" s="205"/>
      <c r="N145" s="205"/>
      <c r="O145" s="205"/>
      <c r="P145" s="205"/>
      <c r="Q145" s="205"/>
      <c r="R145" s="205"/>
      <c r="S145" s="205"/>
      <c r="T145" s="205"/>
      <c r="U145" s="205"/>
      <c r="V145" s="205"/>
      <c r="W145" s="205"/>
      <c r="X145" s="205"/>
      <c r="Y145" s="205"/>
      <c r="Z145" s="205"/>
      <c r="AA145" s="205"/>
      <c r="AB145" s="205"/>
      <c r="AC145" s="205"/>
      <c r="AD145" s="205"/>
      <c r="AE145" s="205"/>
      <c r="AF145" s="205"/>
      <c r="AG145" s="205"/>
      <c r="AH145" s="205"/>
      <c r="AI145" s="205"/>
      <c r="AJ145" s="205"/>
      <c r="AK145" s="205"/>
      <c r="AL145" s="205"/>
      <c r="AM145" s="205"/>
      <c r="AN145" s="205"/>
      <c r="AO145" s="205"/>
      <c r="AP145" s="205"/>
      <c r="AQ145" s="205"/>
      <c r="AR145" s="205"/>
      <c r="AS145" s="205"/>
      <c r="AT145" s="205"/>
      <c r="AU145" s="205"/>
      <c r="AV145" s="205"/>
      <c r="AW145" s="205"/>
      <c r="AX145" s="205"/>
      <c r="AY145" s="205"/>
      <c r="AZ145" s="205"/>
    </row>
    <row r="146" spans="4:52" x14ac:dyDescent="0.55000000000000004">
      <c r="D146" s="205"/>
      <c r="E146" s="205"/>
      <c r="F146" s="205"/>
      <c r="G146" s="205"/>
      <c r="H146" s="205"/>
      <c r="I146" s="205"/>
      <c r="J146" s="205"/>
      <c r="K146" s="205"/>
      <c r="L146" s="205"/>
      <c r="M146" s="205"/>
      <c r="N146" s="205"/>
      <c r="O146" s="205"/>
      <c r="P146" s="205"/>
      <c r="Q146" s="205"/>
      <c r="R146" s="205"/>
      <c r="S146" s="205"/>
      <c r="T146" s="205"/>
      <c r="U146" s="205"/>
      <c r="V146" s="205"/>
      <c r="W146" s="205"/>
      <c r="X146" s="205"/>
      <c r="Y146" s="205"/>
      <c r="Z146" s="205"/>
      <c r="AA146" s="205"/>
      <c r="AB146" s="205"/>
      <c r="AC146" s="205"/>
      <c r="AD146" s="205"/>
      <c r="AE146" s="205"/>
      <c r="AF146" s="205"/>
      <c r="AG146" s="205"/>
      <c r="AH146" s="205"/>
      <c r="AI146" s="205"/>
      <c r="AJ146" s="205"/>
      <c r="AK146" s="205"/>
      <c r="AL146" s="205"/>
      <c r="AM146" s="205"/>
      <c r="AN146" s="205"/>
      <c r="AO146" s="205"/>
      <c r="AP146" s="205"/>
      <c r="AQ146" s="205"/>
      <c r="AR146" s="205"/>
      <c r="AS146" s="205"/>
      <c r="AT146" s="205"/>
      <c r="AU146" s="205"/>
      <c r="AV146" s="205"/>
      <c r="AW146" s="205"/>
      <c r="AX146" s="205"/>
      <c r="AY146" s="205"/>
      <c r="AZ146" s="205"/>
    </row>
    <row r="147" spans="4:52" x14ac:dyDescent="0.55000000000000004">
      <c r="D147" s="205"/>
      <c r="E147" s="205"/>
      <c r="F147" s="205"/>
      <c r="G147" s="205"/>
      <c r="H147" s="205"/>
      <c r="I147" s="205"/>
      <c r="J147" s="205"/>
      <c r="K147" s="205"/>
      <c r="L147" s="205"/>
      <c r="M147" s="205"/>
      <c r="N147" s="205"/>
      <c r="O147" s="205"/>
      <c r="P147" s="205"/>
      <c r="Q147" s="205"/>
      <c r="R147" s="205"/>
      <c r="S147" s="205"/>
      <c r="T147" s="205"/>
      <c r="U147" s="205"/>
      <c r="V147" s="205"/>
      <c r="W147" s="205"/>
      <c r="X147" s="205"/>
      <c r="Y147" s="205"/>
      <c r="Z147" s="205"/>
      <c r="AA147" s="205"/>
      <c r="AB147" s="205"/>
      <c r="AC147" s="205"/>
      <c r="AD147" s="205"/>
      <c r="AE147" s="205"/>
      <c r="AF147" s="205"/>
      <c r="AG147" s="205"/>
      <c r="AH147" s="205"/>
      <c r="AI147" s="205"/>
      <c r="AJ147" s="205"/>
      <c r="AK147" s="205"/>
      <c r="AL147" s="205"/>
      <c r="AM147" s="205"/>
      <c r="AN147" s="205"/>
      <c r="AO147" s="205"/>
      <c r="AP147" s="205"/>
      <c r="AQ147" s="205"/>
      <c r="AR147" s="205"/>
      <c r="AS147" s="205"/>
      <c r="AT147" s="205"/>
      <c r="AU147" s="205"/>
      <c r="AV147" s="205"/>
      <c r="AW147" s="205"/>
      <c r="AX147" s="205"/>
      <c r="AY147" s="205"/>
      <c r="AZ147" s="205"/>
    </row>
    <row r="148" spans="4:52" x14ac:dyDescent="0.55000000000000004">
      <c r="D148" s="205"/>
      <c r="E148" s="205"/>
      <c r="F148" s="205"/>
      <c r="G148" s="205"/>
      <c r="H148" s="205"/>
      <c r="I148" s="205"/>
      <c r="J148" s="205"/>
      <c r="K148" s="205"/>
      <c r="L148" s="205"/>
      <c r="M148" s="205"/>
      <c r="N148" s="205"/>
      <c r="O148" s="205"/>
      <c r="P148" s="205"/>
      <c r="Q148" s="205"/>
      <c r="R148" s="205"/>
      <c r="S148" s="205"/>
      <c r="T148" s="205"/>
      <c r="U148" s="205"/>
      <c r="V148" s="205"/>
      <c r="W148" s="205"/>
      <c r="X148" s="205"/>
      <c r="Y148" s="205"/>
      <c r="Z148" s="205"/>
      <c r="AA148" s="205"/>
      <c r="AB148" s="205"/>
      <c r="AC148" s="205"/>
      <c r="AD148" s="205"/>
      <c r="AE148" s="205"/>
      <c r="AF148" s="205"/>
      <c r="AG148" s="205"/>
      <c r="AH148" s="205"/>
      <c r="AI148" s="205"/>
      <c r="AJ148" s="205"/>
      <c r="AK148" s="205"/>
      <c r="AL148" s="205"/>
      <c r="AM148" s="205"/>
      <c r="AN148" s="205"/>
      <c r="AO148" s="205"/>
      <c r="AP148" s="205"/>
      <c r="AQ148" s="205"/>
      <c r="AR148" s="205"/>
      <c r="AS148" s="205"/>
      <c r="AT148" s="205"/>
      <c r="AU148" s="205"/>
      <c r="AV148" s="205"/>
      <c r="AW148" s="205"/>
      <c r="AX148" s="205"/>
      <c r="AY148" s="205"/>
      <c r="AZ148" s="205"/>
    </row>
    <row r="149" spans="4:52" x14ac:dyDescent="0.55000000000000004">
      <c r="D149" s="205"/>
      <c r="E149" s="205"/>
      <c r="F149" s="205"/>
      <c r="G149" s="205"/>
      <c r="H149" s="205"/>
      <c r="I149" s="205"/>
      <c r="J149" s="205"/>
      <c r="K149" s="205"/>
      <c r="L149" s="205"/>
      <c r="M149" s="205"/>
      <c r="N149" s="205"/>
      <c r="O149" s="205"/>
      <c r="P149" s="205"/>
      <c r="Q149" s="205"/>
      <c r="R149" s="205"/>
      <c r="S149" s="205"/>
      <c r="T149" s="205"/>
      <c r="U149" s="205"/>
      <c r="V149" s="205"/>
      <c r="W149" s="205"/>
      <c r="X149" s="205"/>
      <c r="Y149" s="205"/>
      <c r="Z149" s="205"/>
      <c r="AA149" s="205"/>
      <c r="AB149" s="205"/>
      <c r="AC149" s="205"/>
      <c r="AD149" s="205"/>
      <c r="AE149" s="205"/>
      <c r="AF149" s="205"/>
      <c r="AG149" s="205"/>
      <c r="AH149" s="205"/>
      <c r="AI149" s="205"/>
      <c r="AJ149" s="205"/>
      <c r="AK149" s="205"/>
      <c r="AL149" s="205"/>
      <c r="AM149" s="205"/>
      <c r="AN149" s="205"/>
      <c r="AO149" s="205"/>
      <c r="AP149" s="205"/>
      <c r="AQ149" s="205"/>
      <c r="AR149" s="205"/>
      <c r="AS149" s="205"/>
      <c r="AT149" s="205"/>
      <c r="AU149" s="205"/>
      <c r="AV149" s="205"/>
      <c r="AW149" s="205"/>
      <c r="AX149" s="205"/>
      <c r="AY149" s="205"/>
      <c r="AZ149" s="205"/>
    </row>
    <row r="150" spans="4:52" x14ac:dyDescent="0.55000000000000004">
      <c r="D150" s="205"/>
      <c r="E150" s="205"/>
      <c r="F150" s="205"/>
      <c r="G150" s="205"/>
      <c r="H150" s="205"/>
      <c r="I150" s="205"/>
      <c r="J150" s="205"/>
      <c r="K150" s="205"/>
      <c r="L150" s="205"/>
      <c r="M150" s="205"/>
      <c r="N150" s="205"/>
      <c r="O150" s="205"/>
      <c r="P150" s="205"/>
      <c r="Q150" s="205"/>
      <c r="R150" s="205"/>
      <c r="S150" s="205"/>
      <c r="T150" s="205"/>
      <c r="U150" s="205"/>
      <c r="V150" s="205"/>
      <c r="W150" s="205"/>
      <c r="X150" s="205"/>
      <c r="Y150" s="205"/>
      <c r="Z150" s="205"/>
      <c r="AA150" s="205"/>
      <c r="AB150" s="205"/>
      <c r="AC150" s="205"/>
      <c r="AD150" s="205"/>
      <c r="AE150" s="205"/>
      <c r="AF150" s="205"/>
      <c r="AG150" s="205"/>
      <c r="AH150" s="205"/>
      <c r="AI150" s="205"/>
      <c r="AJ150" s="205"/>
      <c r="AK150" s="205"/>
      <c r="AL150" s="205"/>
      <c r="AM150" s="205"/>
      <c r="AN150" s="205"/>
      <c r="AO150" s="205"/>
      <c r="AP150" s="205"/>
      <c r="AQ150" s="205"/>
      <c r="AR150" s="205"/>
      <c r="AS150" s="205"/>
      <c r="AT150" s="205"/>
      <c r="AU150" s="205"/>
      <c r="AV150" s="205"/>
      <c r="AW150" s="205"/>
      <c r="AX150" s="205"/>
      <c r="AY150" s="205"/>
      <c r="AZ150" s="205"/>
    </row>
    <row r="151" spans="4:52" x14ac:dyDescent="0.55000000000000004">
      <c r="D151" s="205"/>
      <c r="E151" s="205"/>
      <c r="F151" s="205"/>
      <c r="G151" s="205"/>
      <c r="H151" s="205"/>
      <c r="I151" s="205"/>
      <c r="J151" s="205"/>
      <c r="K151" s="205"/>
      <c r="L151" s="205"/>
      <c r="M151" s="205"/>
      <c r="N151" s="205"/>
      <c r="O151" s="205"/>
      <c r="P151" s="205"/>
      <c r="Q151" s="205"/>
      <c r="R151" s="205"/>
      <c r="S151" s="205"/>
      <c r="T151" s="205"/>
      <c r="U151" s="205"/>
      <c r="V151" s="205"/>
      <c r="W151" s="205"/>
      <c r="X151" s="205"/>
      <c r="Y151" s="205"/>
      <c r="Z151" s="205"/>
      <c r="AA151" s="205"/>
      <c r="AB151" s="205"/>
      <c r="AC151" s="205"/>
      <c r="AD151" s="205"/>
      <c r="AE151" s="205"/>
      <c r="AF151" s="205"/>
      <c r="AG151" s="205"/>
      <c r="AH151" s="205"/>
      <c r="AI151" s="205"/>
      <c r="AJ151" s="205"/>
      <c r="AK151" s="205"/>
      <c r="AL151" s="205"/>
      <c r="AM151" s="205"/>
      <c r="AN151" s="205"/>
      <c r="AO151" s="205"/>
      <c r="AP151" s="205"/>
      <c r="AQ151" s="205"/>
      <c r="AR151" s="205"/>
      <c r="AS151" s="205"/>
      <c r="AT151" s="205"/>
      <c r="AU151" s="205"/>
      <c r="AV151" s="205"/>
      <c r="AW151" s="205"/>
      <c r="AX151" s="205"/>
      <c r="AY151" s="205"/>
      <c r="AZ151" s="205"/>
    </row>
    <row r="152" spans="4:52" x14ac:dyDescent="0.55000000000000004">
      <c r="D152" s="205"/>
      <c r="E152" s="205"/>
      <c r="F152" s="205"/>
      <c r="G152" s="205"/>
      <c r="H152" s="205"/>
      <c r="I152" s="205"/>
      <c r="J152" s="205"/>
      <c r="K152" s="205"/>
      <c r="L152" s="205"/>
      <c r="M152" s="205"/>
      <c r="N152" s="205"/>
      <c r="O152" s="205"/>
      <c r="P152" s="205"/>
      <c r="Q152" s="205"/>
      <c r="R152" s="205"/>
      <c r="S152" s="205"/>
      <c r="T152" s="205"/>
      <c r="U152" s="205"/>
      <c r="V152" s="205"/>
      <c r="W152" s="205"/>
      <c r="X152" s="205"/>
      <c r="Y152" s="205"/>
      <c r="Z152" s="205"/>
      <c r="AA152" s="205"/>
      <c r="AB152" s="205"/>
      <c r="AC152" s="205"/>
      <c r="AD152" s="205"/>
      <c r="AE152" s="205"/>
      <c r="AF152" s="205"/>
      <c r="AG152" s="205"/>
      <c r="AH152" s="205"/>
      <c r="AI152" s="205"/>
      <c r="AJ152" s="205"/>
      <c r="AK152" s="205"/>
      <c r="AL152" s="205"/>
      <c r="AM152" s="205"/>
      <c r="AN152" s="205"/>
      <c r="AO152" s="205"/>
      <c r="AP152" s="205"/>
      <c r="AQ152" s="205"/>
      <c r="AR152" s="205"/>
      <c r="AS152" s="205"/>
      <c r="AT152" s="205"/>
      <c r="AU152" s="205"/>
      <c r="AV152" s="205"/>
      <c r="AW152" s="205"/>
      <c r="AX152" s="205"/>
      <c r="AY152" s="205"/>
      <c r="AZ152" s="205"/>
    </row>
    <row r="153" spans="4:52" x14ac:dyDescent="0.55000000000000004">
      <c r="D153" s="205"/>
      <c r="E153" s="205"/>
      <c r="F153" s="205"/>
      <c r="G153" s="205"/>
      <c r="H153" s="205"/>
      <c r="I153" s="205"/>
      <c r="J153" s="205"/>
      <c r="K153" s="205"/>
      <c r="L153" s="205"/>
      <c r="M153" s="205"/>
      <c r="N153" s="205"/>
      <c r="O153" s="205"/>
      <c r="P153" s="205"/>
      <c r="Q153" s="205"/>
      <c r="R153" s="205"/>
      <c r="S153" s="205"/>
      <c r="T153" s="205"/>
      <c r="U153" s="205"/>
      <c r="V153" s="205"/>
      <c r="W153" s="205"/>
      <c r="X153" s="205"/>
      <c r="Y153" s="205"/>
      <c r="Z153" s="205"/>
      <c r="AA153" s="205"/>
      <c r="AB153" s="205"/>
      <c r="AC153" s="205"/>
      <c r="AD153" s="205"/>
      <c r="AE153" s="205"/>
      <c r="AF153" s="205"/>
      <c r="AG153" s="205"/>
      <c r="AH153" s="205"/>
      <c r="AI153" s="205"/>
      <c r="AJ153" s="205"/>
      <c r="AK153" s="205"/>
      <c r="AL153" s="205"/>
      <c r="AM153" s="205"/>
      <c r="AN153" s="205"/>
      <c r="AO153" s="205"/>
      <c r="AP153" s="205"/>
      <c r="AQ153" s="205"/>
      <c r="AR153" s="205"/>
      <c r="AS153" s="205"/>
      <c r="AT153" s="205"/>
      <c r="AU153" s="205"/>
      <c r="AV153" s="205"/>
      <c r="AW153" s="205"/>
      <c r="AX153" s="205"/>
      <c r="AY153" s="205"/>
      <c r="AZ153" s="205"/>
    </row>
    <row r="154" spans="4:52" x14ac:dyDescent="0.55000000000000004">
      <c r="D154" s="205"/>
      <c r="E154" s="205"/>
      <c r="F154" s="205"/>
      <c r="G154" s="205"/>
      <c r="H154" s="205"/>
      <c r="I154" s="205"/>
      <c r="J154" s="205"/>
      <c r="K154" s="205"/>
      <c r="L154" s="205"/>
      <c r="M154" s="205"/>
      <c r="N154" s="205"/>
      <c r="O154" s="205"/>
      <c r="P154" s="205"/>
      <c r="Q154" s="205"/>
      <c r="R154" s="205"/>
      <c r="S154" s="205"/>
      <c r="T154" s="205"/>
      <c r="U154" s="205"/>
      <c r="V154" s="205"/>
      <c r="W154" s="205"/>
      <c r="X154" s="205"/>
      <c r="Y154" s="205"/>
      <c r="Z154" s="205"/>
      <c r="AA154" s="205"/>
      <c r="AB154" s="205"/>
      <c r="AC154" s="205"/>
      <c r="AD154" s="205"/>
      <c r="AE154" s="205"/>
      <c r="AF154" s="205"/>
      <c r="AG154" s="205"/>
      <c r="AH154" s="205"/>
      <c r="AI154" s="205"/>
      <c r="AJ154" s="205"/>
      <c r="AK154" s="205"/>
      <c r="AL154" s="205"/>
      <c r="AM154" s="205"/>
      <c r="AN154" s="205"/>
      <c r="AO154" s="205"/>
      <c r="AP154" s="205"/>
      <c r="AQ154" s="205"/>
      <c r="AR154" s="205"/>
      <c r="AS154" s="205"/>
      <c r="AT154" s="205"/>
      <c r="AU154" s="205"/>
      <c r="AV154" s="205"/>
      <c r="AW154" s="205"/>
      <c r="AX154" s="205"/>
      <c r="AY154" s="205"/>
      <c r="AZ154" s="205"/>
    </row>
    <row r="155" spans="4:52" x14ac:dyDescent="0.55000000000000004">
      <c r="D155" s="205"/>
      <c r="E155" s="205"/>
      <c r="F155" s="205"/>
      <c r="G155" s="205"/>
      <c r="H155" s="205"/>
      <c r="I155" s="205"/>
      <c r="J155" s="205"/>
      <c r="K155" s="205"/>
      <c r="L155" s="205"/>
      <c r="M155" s="205"/>
      <c r="N155" s="205"/>
      <c r="O155" s="205"/>
      <c r="P155" s="205"/>
      <c r="Q155" s="205"/>
      <c r="R155" s="205"/>
      <c r="S155" s="205"/>
      <c r="T155" s="205"/>
      <c r="U155" s="205"/>
      <c r="V155" s="205"/>
      <c r="W155" s="205"/>
      <c r="X155" s="205"/>
      <c r="Y155" s="205"/>
      <c r="Z155" s="205"/>
      <c r="AA155" s="205"/>
      <c r="AB155" s="205"/>
      <c r="AC155" s="205"/>
      <c r="AD155" s="205"/>
      <c r="AE155" s="205"/>
      <c r="AF155" s="205"/>
      <c r="AG155" s="205"/>
      <c r="AH155" s="205"/>
      <c r="AI155" s="205"/>
      <c r="AJ155" s="205"/>
      <c r="AK155" s="205"/>
      <c r="AL155" s="205"/>
      <c r="AM155" s="205"/>
      <c r="AN155" s="205"/>
      <c r="AO155" s="205"/>
      <c r="AP155" s="205"/>
      <c r="AQ155" s="205"/>
      <c r="AR155" s="205"/>
      <c r="AS155" s="205"/>
      <c r="AT155" s="205"/>
      <c r="AU155" s="205"/>
      <c r="AV155" s="205"/>
      <c r="AW155" s="205"/>
      <c r="AX155" s="205"/>
      <c r="AY155" s="205"/>
      <c r="AZ155" s="205"/>
    </row>
    <row r="156" spans="4:52" x14ac:dyDescent="0.55000000000000004">
      <c r="D156" s="205"/>
      <c r="E156" s="205"/>
      <c r="F156" s="205"/>
      <c r="G156" s="205"/>
      <c r="H156" s="205"/>
      <c r="I156" s="205"/>
      <c r="J156" s="205"/>
      <c r="K156" s="205"/>
      <c r="L156" s="205"/>
      <c r="M156" s="205"/>
      <c r="N156" s="205"/>
      <c r="O156" s="205"/>
      <c r="P156" s="205"/>
      <c r="Q156" s="205"/>
      <c r="R156" s="205"/>
      <c r="S156" s="205"/>
      <c r="T156" s="205"/>
      <c r="U156" s="205"/>
      <c r="V156" s="205"/>
      <c r="W156" s="205"/>
      <c r="X156" s="205"/>
      <c r="Y156" s="205"/>
      <c r="Z156" s="205"/>
      <c r="AA156" s="205"/>
      <c r="AB156" s="205"/>
      <c r="AC156" s="205"/>
      <c r="AD156" s="205"/>
      <c r="AE156" s="205"/>
      <c r="AF156" s="205"/>
      <c r="AG156" s="205"/>
      <c r="AH156" s="205"/>
      <c r="AI156" s="205"/>
      <c r="AJ156" s="205"/>
      <c r="AK156" s="205"/>
      <c r="AL156" s="205"/>
      <c r="AM156" s="205"/>
      <c r="AN156" s="205"/>
      <c r="AO156" s="205"/>
      <c r="AP156" s="205"/>
      <c r="AQ156" s="205"/>
      <c r="AR156" s="205"/>
      <c r="AS156" s="205"/>
      <c r="AT156" s="205"/>
      <c r="AU156" s="205"/>
      <c r="AV156" s="205"/>
      <c r="AW156" s="205"/>
      <c r="AX156" s="205"/>
      <c r="AY156" s="205"/>
      <c r="AZ156" s="205"/>
    </row>
    <row r="157" spans="4:52" x14ac:dyDescent="0.55000000000000004">
      <c r="D157" s="205"/>
      <c r="E157" s="205"/>
      <c r="F157" s="205"/>
      <c r="G157" s="205"/>
      <c r="H157" s="205"/>
      <c r="I157" s="205"/>
      <c r="J157" s="205"/>
      <c r="K157" s="205"/>
      <c r="L157" s="205"/>
      <c r="M157" s="205"/>
      <c r="N157" s="205"/>
      <c r="O157" s="205"/>
      <c r="P157" s="205"/>
      <c r="Q157" s="205"/>
      <c r="R157" s="205"/>
      <c r="S157" s="205"/>
      <c r="T157" s="205"/>
      <c r="U157" s="205"/>
      <c r="V157" s="205"/>
      <c r="W157" s="205"/>
      <c r="X157" s="205"/>
      <c r="Y157" s="205"/>
      <c r="Z157" s="205"/>
      <c r="AA157" s="205"/>
      <c r="AB157" s="205"/>
      <c r="AC157" s="205"/>
      <c r="AD157" s="205"/>
      <c r="AE157" s="205"/>
      <c r="AF157" s="205"/>
      <c r="AG157" s="205"/>
      <c r="AH157" s="205"/>
      <c r="AI157" s="205"/>
      <c r="AJ157" s="205"/>
      <c r="AK157" s="205"/>
      <c r="AL157" s="205"/>
      <c r="AM157" s="205"/>
      <c r="AN157" s="205"/>
      <c r="AO157" s="205"/>
      <c r="AP157" s="205"/>
      <c r="AQ157" s="205"/>
      <c r="AR157" s="205"/>
      <c r="AS157" s="205"/>
      <c r="AT157" s="205"/>
      <c r="AU157" s="205"/>
      <c r="AV157" s="205"/>
      <c r="AW157" s="205"/>
      <c r="AX157" s="205"/>
      <c r="AY157" s="205"/>
      <c r="AZ157" s="205"/>
    </row>
    <row r="158" spans="4:52" x14ac:dyDescent="0.55000000000000004">
      <c r="D158" s="205"/>
      <c r="E158" s="205"/>
      <c r="F158" s="205"/>
      <c r="G158" s="205"/>
      <c r="H158" s="205"/>
      <c r="I158" s="205"/>
      <c r="J158" s="205"/>
      <c r="K158" s="205"/>
      <c r="L158" s="205"/>
      <c r="M158" s="205"/>
      <c r="N158" s="205"/>
      <c r="O158" s="205"/>
      <c r="P158" s="205"/>
      <c r="Q158" s="205"/>
      <c r="R158" s="205"/>
      <c r="S158" s="205"/>
      <c r="T158" s="205"/>
      <c r="U158" s="205"/>
      <c r="V158" s="205"/>
      <c r="W158" s="205"/>
      <c r="X158" s="205"/>
      <c r="Y158" s="205"/>
      <c r="Z158" s="205"/>
      <c r="AA158" s="205"/>
      <c r="AB158" s="205"/>
      <c r="AC158" s="205"/>
      <c r="AD158" s="205"/>
      <c r="AE158" s="205"/>
      <c r="AF158" s="205"/>
      <c r="AG158" s="205"/>
      <c r="AH158" s="205"/>
      <c r="AI158" s="205"/>
      <c r="AJ158" s="205"/>
      <c r="AK158" s="205"/>
      <c r="AL158" s="205"/>
      <c r="AM158" s="205"/>
      <c r="AN158" s="205"/>
      <c r="AO158" s="205"/>
      <c r="AP158" s="205"/>
      <c r="AQ158" s="205"/>
      <c r="AR158" s="205"/>
      <c r="AS158" s="205"/>
      <c r="AT158" s="205"/>
      <c r="AU158" s="205"/>
      <c r="AV158" s="205"/>
      <c r="AW158" s="205"/>
      <c r="AX158" s="205"/>
      <c r="AY158" s="205"/>
      <c r="AZ158" s="205"/>
    </row>
    <row r="268" spans="4:17" x14ac:dyDescent="0.55000000000000004">
      <c r="D268" s="6" t="s">
        <v>130</v>
      </c>
      <c r="O268" s="6" t="s">
        <v>130</v>
      </c>
      <c r="P268" s="6" t="s">
        <v>130</v>
      </c>
      <c r="Q268" s="6" t="s">
        <v>130</v>
      </c>
    </row>
    <row r="269" spans="4:17" x14ac:dyDescent="0.55000000000000004">
      <c r="D269" s="6" t="s">
        <v>145</v>
      </c>
      <c r="O269" s="6" t="s">
        <v>145</v>
      </c>
      <c r="P269" s="6" t="s">
        <v>145</v>
      </c>
      <c r="Q269" s="6" t="s">
        <v>145</v>
      </c>
    </row>
    <row r="270" spans="4:17" x14ac:dyDescent="0.55000000000000004">
      <c r="D270" s="6" t="s">
        <v>338</v>
      </c>
      <c r="O270" s="6" t="s">
        <v>338</v>
      </c>
      <c r="P270" s="6" t="s">
        <v>338</v>
      </c>
      <c r="Q270" s="6" t="s">
        <v>338</v>
      </c>
    </row>
    <row r="271" spans="4:17" x14ac:dyDescent="0.55000000000000004">
      <c r="D271" s="6" t="s">
        <v>142</v>
      </c>
      <c r="O271" s="6" t="s">
        <v>142</v>
      </c>
      <c r="P271" s="6" t="s">
        <v>142</v>
      </c>
      <c r="Q271" s="6" t="s">
        <v>142</v>
      </c>
    </row>
    <row r="272" spans="4:17" x14ac:dyDescent="0.55000000000000004">
      <c r="D272" s="6" t="s">
        <v>339</v>
      </c>
      <c r="O272" s="6" t="s">
        <v>339</v>
      </c>
      <c r="P272" s="6" t="s">
        <v>339</v>
      </c>
      <c r="Q272" s="6" t="s">
        <v>339</v>
      </c>
    </row>
    <row r="273" spans="4:17" x14ac:dyDescent="0.55000000000000004">
      <c r="D273" s="6" t="s">
        <v>153</v>
      </c>
      <c r="O273" s="6" t="s">
        <v>153</v>
      </c>
      <c r="P273" s="6" t="s">
        <v>153</v>
      </c>
      <c r="Q273" s="6" t="s">
        <v>153</v>
      </c>
    </row>
    <row r="274" spans="4:17" x14ac:dyDescent="0.55000000000000004">
      <c r="D274" s="6" t="s">
        <v>340</v>
      </c>
      <c r="O274" s="6" t="s">
        <v>340</v>
      </c>
      <c r="P274" s="6" t="s">
        <v>340</v>
      </c>
      <c r="Q274" s="6" t="s">
        <v>340</v>
      </c>
    </row>
    <row r="275" spans="4:17" x14ac:dyDescent="0.55000000000000004">
      <c r="D275" s="6" t="s">
        <v>147</v>
      </c>
      <c r="O275" s="6" t="s">
        <v>147</v>
      </c>
      <c r="P275" s="6" t="s">
        <v>147</v>
      </c>
      <c r="Q275" s="6" t="s">
        <v>147</v>
      </c>
    </row>
    <row r="276" spans="4:17" x14ac:dyDescent="0.55000000000000004">
      <c r="D276" s="6" t="s">
        <v>138</v>
      </c>
      <c r="O276" s="6" t="s">
        <v>138</v>
      </c>
      <c r="P276" s="6" t="s">
        <v>138</v>
      </c>
      <c r="Q276" s="6" t="s">
        <v>138</v>
      </c>
    </row>
    <row r="277" spans="4:17" x14ac:dyDescent="0.55000000000000004">
      <c r="D277" s="6" t="s">
        <v>143</v>
      </c>
      <c r="O277" s="6" t="s">
        <v>143</v>
      </c>
      <c r="P277" s="6" t="s">
        <v>143</v>
      </c>
      <c r="Q277" s="6" t="s">
        <v>143</v>
      </c>
    </row>
    <row r="278" spans="4:17" x14ac:dyDescent="0.55000000000000004">
      <c r="D278" s="6" t="s">
        <v>341</v>
      </c>
      <c r="O278" s="6" t="s">
        <v>341</v>
      </c>
      <c r="P278" s="6" t="s">
        <v>341</v>
      </c>
      <c r="Q278" s="6" t="s">
        <v>341</v>
      </c>
    </row>
    <row r="279" spans="4:17" x14ac:dyDescent="0.55000000000000004">
      <c r="D279" s="6" t="s">
        <v>154</v>
      </c>
      <c r="O279" s="6" t="s">
        <v>154</v>
      </c>
      <c r="P279" s="6" t="s">
        <v>154</v>
      </c>
      <c r="Q279" s="6" t="s">
        <v>154</v>
      </c>
    </row>
    <row r="280" spans="4:17" x14ac:dyDescent="0.55000000000000004">
      <c r="O280" s="6" t="s">
        <v>342</v>
      </c>
      <c r="P280" s="6" t="s">
        <v>342</v>
      </c>
      <c r="Q280" s="6" t="s">
        <v>342</v>
      </c>
    </row>
    <row r="281" spans="4:17" x14ac:dyDescent="0.55000000000000004">
      <c r="O281" s="6" t="s">
        <v>134</v>
      </c>
      <c r="P281" s="6" t="s">
        <v>134</v>
      </c>
      <c r="Q281" s="6" t="s">
        <v>134</v>
      </c>
    </row>
    <row r="282" spans="4:17" x14ac:dyDescent="0.55000000000000004">
      <c r="O282" s="6" t="s">
        <v>343</v>
      </c>
      <c r="P282" s="6" t="s">
        <v>343</v>
      </c>
      <c r="Q282" s="6" t="s">
        <v>343</v>
      </c>
    </row>
    <row r="283" spans="4:17" x14ac:dyDescent="0.55000000000000004">
      <c r="O283" s="6" t="s">
        <v>126</v>
      </c>
      <c r="P283" s="6" t="s">
        <v>126</v>
      </c>
      <c r="Q283" s="6" t="s">
        <v>126</v>
      </c>
    </row>
    <row r="284" spans="4:17" x14ac:dyDescent="0.55000000000000004">
      <c r="O284" s="6" t="s">
        <v>150</v>
      </c>
      <c r="P284" s="6" t="s">
        <v>150</v>
      </c>
      <c r="Q284" s="6" t="s">
        <v>150</v>
      </c>
    </row>
    <row r="285" spans="4:17" x14ac:dyDescent="0.55000000000000004">
      <c r="O285" s="6" t="s">
        <v>141</v>
      </c>
      <c r="P285" s="6" t="s">
        <v>141</v>
      </c>
      <c r="Q285" s="6" t="s">
        <v>141</v>
      </c>
    </row>
    <row r="286" spans="4:17" x14ac:dyDescent="0.55000000000000004">
      <c r="O286" s="6" t="s">
        <v>151</v>
      </c>
      <c r="P286" s="6" t="s">
        <v>151</v>
      </c>
    </row>
    <row r="287" spans="4:17" x14ac:dyDescent="0.55000000000000004">
      <c r="O287" s="6" t="s">
        <v>344</v>
      </c>
      <c r="P287" s="6" t="s">
        <v>344</v>
      </c>
    </row>
    <row r="288" spans="4:17" x14ac:dyDescent="0.55000000000000004">
      <c r="O288" s="6" t="s">
        <v>156</v>
      </c>
      <c r="P288" s="6" t="s">
        <v>156</v>
      </c>
    </row>
    <row r="289" spans="15:16" x14ac:dyDescent="0.55000000000000004">
      <c r="O289" s="6" t="s">
        <v>345</v>
      </c>
      <c r="P289" s="6" t="s">
        <v>345</v>
      </c>
    </row>
    <row r="290" spans="15:16" x14ac:dyDescent="0.55000000000000004">
      <c r="O290" s="6" t="s">
        <v>157</v>
      </c>
      <c r="P290" s="6" t="s">
        <v>157</v>
      </c>
    </row>
    <row r="291" spans="15:16" x14ac:dyDescent="0.55000000000000004">
      <c r="O291" s="6" t="s">
        <v>200</v>
      </c>
      <c r="P291" s="6" t="s">
        <v>200</v>
      </c>
    </row>
    <row r="292" spans="15:16" x14ac:dyDescent="0.55000000000000004">
      <c r="P292" s="6" t="s">
        <v>158</v>
      </c>
    </row>
    <row r="293" spans="15:16" x14ac:dyDescent="0.55000000000000004">
      <c r="P293" s="6" t="s">
        <v>346</v>
      </c>
    </row>
    <row r="294" spans="15:16" x14ac:dyDescent="0.55000000000000004">
      <c r="P294" s="6" t="s">
        <v>201</v>
      </c>
    </row>
  </sheetData>
  <sheetProtection sheet="1" objects="1" scenarios="1"/>
  <mergeCells count="477">
    <mergeCell ref="A32:A35"/>
    <mergeCell ref="A5:A31"/>
    <mergeCell ref="B5:B8"/>
    <mergeCell ref="B9:B16"/>
    <mergeCell ref="B17:B25"/>
    <mergeCell ref="B26:B31"/>
    <mergeCell ref="B32:C32"/>
    <mergeCell ref="B33:C33"/>
    <mergeCell ref="B34:C34"/>
    <mergeCell ref="B35:C35"/>
    <mergeCell ref="D3:W3"/>
    <mergeCell ref="X3:AQ3"/>
    <mergeCell ref="A1:C4"/>
    <mergeCell ref="D1:W1"/>
    <mergeCell ref="X1:AQ1"/>
    <mergeCell ref="D2:W2"/>
    <mergeCell ref="X2:AQ2"/>
    <mergeCell ref="D4:E4"/>
    <mergeCell ref="F4:G4"/>
    <mergeCell ref="H4:I4"/>
    <mergeCell ref="J4:K4"/>
    <mergeCell ref="L4:M4"/>
    <mergeCell ref="N4:O4"/>
    <mergeCell ref="P4:Q4"/>
    <mergeCell ref="R4:S4"/>
    <mergeCell ref="T4:U4"/>
    <mergeCell ref="V4:W4"/>
    <mergeCell ref="AH4:AI4"/>
    <mergeCell ref="AJ4:AK4"/>
    <mergeCell ref="AL4:AM4"/>
    <mergeCell ref="AN4:AO4"/>
    <mergeCell ref="AP4:AQ4"/>
    <mergeCell ref="X4:Y4"/>
    <mergeCell ref="Z4:AA4"/>
    <mergeCell ref="D5:E5"/>
    <mergeCell ref="D6:E6"/>
    <mergeCell ref="D7:E7"/>
    <mergeCell ref="D8:E8"/>
    <mergeCell ref="F5:G5"/>
    <mergeCell ref="H5:I5"/>
    <mergeCell ref="J5:K5"/>
    <mergeCell ref="L5:M5"/>
    <mergeCell ref="N5:O5"/>
    <mergeCell ref="P5:Q5"/>
    <mergeCell ref="R5:S5"/>
    <mergeCell ref="T5:U5"/>
    <mergeCell ref="V5:W5"/>
    <mergeCell ref="F6:G6"/>
    <mergeCell ref="H6:I6"/>
    <mergeCell ref="T6:U6"/>
    <mergeCell ref="V6:W6"/>
    <mergeCell ref="F7:G7"/>
    <mergeCell ref="H7:I7"/>
    <mergeCell ref="J7:K7"/>
    <mergeCell ref="L7:M7"/>
    <mergeCell ref="N7:O7"/>
    <mergeCell ref="P7:Q7"/>
    <mergeCell ref="R7:S7"/>
    <mergeCell ref="T7:U7"/>
    <mergeCell ref="V7:W7"/>
    <mergeCell ref="J6:K6"/>
    <mergeCell ref="L6:M6"/>
    <mergeCell ref="N6:O6"/>
    <mergeCell ref="P6:Q6"/>
    <mergeCell ref="R6:S6"/>
    <mergeCell ref="P8:Q8"/>
    <mergeCell ref="R8:S8"/>
    <mergeCell ref="T8:U8"/>
    <mergeCell ref="V8:W8"/>
    <mergeCell ref="D17:E17"/>
    <mergeCell ref="F17:G17"/>
    <mergeCell ref="H17:I17"/>
    <mergeCell ref="J17:K17"/>
    <mergeCell ref="L17:M17"/>
    <mergeCell ref="N17:O17"/>
    <mergeCell ref="P17:Q17"/>
    <mergeCell ref="R17:S17"/>
    <mergeCell ref="T17:U17"/>
    <mergeCell ref="V17:W17"/>
    <mergeCell ref="F8:G8"/>
    <mergeCell ref="H8:I8"/>
    <mergeCell ref="J8:K8"/>
    <mergeCell ref="L8:M8"/>
    <mergeCell ref="N8:O8"/>
    <mergeCell ref="N18:O18"/>
    <mergeCell ref="P18:Q18"/>
    <mergeCell ref="R18:S18"/>
    <mergeCell ref="T18:U18"/>
    <mergeCell ref="V18:W18"/>
    <mergeCell ref="D18:E18"/>
    <mergeCell ref="F18:G18"/>
    <mergeCell ref="H18:I18"/>
    <mergeCell ref="J18:K18"/>
    <mergeCell ref="L18:M18"/>
    <mergeCell ref="N19:O19"/>
    <mergeCell ref="P19:Q19"/>
    <mergeCell ref="R19:S19"/>
    <mergeCell ref="T19:U19"/>
    <mergeCell ref="V19:W19"/>
    <mergeCell ref="D19:E19"/>
    <mergeCell ref="F19:G19"/>
    <mergeCell ref="H19:I19"/>
    <mergeCell ref="J19:K19"/>
    <mergeCell ref="L19:M19"/>
    <mergeCell ref="N20:O20"/>
    <mergeCell ref="P20:Q20"/>
    <mergeCell ref="R20:S20"/>
    <mergeCell ref="T20:U20"/>
    <mergeCell ref="V20:W20"/>
    <mergeCell ref="D20:E20"/>
    <mergeCell ref="F20:G20"/>
    <mergeCell ref="H20:I20"/>
    <mergeCell ref="J20:K20"/>
    <mergeCell ref="L20:M20"/>
    <mergeCell ref="N21:O21"/>
    <mergeCell ref="P21:Q21"/>
    <mergeCell ref="R21:S21"/>
    <mergeCell ref="T21:U21"/>
    <mergeCell ref="V21:W21"/>
    <mergeCell ref="D21:E21"/>
    <mergeCell ref="F21:G21"/>
    <mergeCell ref="H21:I21"/>
    <mergeCell ref="J21:K21"/>
    <mergeCell ref="L21:M21"/>
    <mergeCell ref="N22:O22"/>
    <mergeCell ref="P22:Q22"/>
    <mergeCell ref="R22:S22"/>
    <mergeCell ref="T22:U22"/>
    <mergeCell ref="V22:W22"/>
    <mergeCell ref="D22:E22"/>
    <mergeCell ref="F22:G22"/>
    <mergeCell ref="H22:I22"/>
    <mergeCell ref="J22:K22"/>
    <mergeCell ref="L22:M22"/>
    <mergeCell ref="N23:O23"/>
    <mergeCell ref="P23:Q23"/>
    <mergeCell ref="R23:S23"/>
    <mergeCell ref="T23:U23"/>
    <mergeCell ref="V23:W23"/>
    <mergeCell ref="D23:E23"/>
    <mergeCell ref="F23:G23"/>
    <mergeCell ref="H23:I23"/>
    <mergeCell ref="J23:K23"/>
    <mergeCell ref="L23:M23"/>
    <mergeCell ref="N24:O24"/>
    <mergeCell ref="P24:Q24"/>
    <mergeCell ref="R24:S24"/>
    <mergeCell ref="T24:U24"/>
    <mergeCell ref="V24:W24"/>
    <mergeCell ref="D24:E24"/>
    <mergeCell ref="F24:G24"/>
    <mergeCell ref="H24:I24"/>
    <mergeCell ref="J24:K24"/>
    <mergeCell ref="L24:M24"/>
    <mergeCell ref="N25:O25"/>
    <mergeCell ref="P25:Q25"/>
    <mergeCell ref="R25:S25"/>
    <mergeCell ref="T25:U25"/>
    <mergeCell ref="V25:W25"/>
    <mergeCell ref="D25:E25"/>
    <mergeCell ref="F25:G25"/>
    <mergeCell ref="H25:I25"/>
    <mergeCell ref="J25:K25"/>
    <mergeCell ref="L25:M25"/>
    <mergeCell ref="N26:O26"/>
    <mergeCell ref="P26:Q26"/>
    <mergeCell ref="R26:S26"/>
    <mergeCell ref="T26:U26"/>
    <mergeCell ref="V26:W26"/>
    <mergeCell ref="D26:E26"/>
    <mergeCell ref="F26:G26"/>
    <mergeCell ref="H26:I26"/>
    <mergeCell ref="J26:K26"/>
    <mergeCell ref="L26:M26"/>
    <mergeCell ref="N27:O27"/>
    <mergeCell ref="P27:Q27"/>
    <mergeCell ref="R27:S27"/>
    <mergeCell ref="T27:U27"/>
    <mergeCell ref="V27:W27"/>
    <mergeCell ref="D27:E27"/>
    <mergeCell ref="F27:G27"/>
    <mergeCell ref="H27:I27"/>
    <mergeCell ref="J27:K27"/>
    <mergeCell ref="L27:M27"/>
    <mergeCell ref="N28:O28"/>
    <mergeCell ref="P28:Q28"/>
    <mergeCell ref="R28:S28"/>
    <mergeCell ref="T28:U28"/>
    <mergeCell ref="V28:W28"/>
    <mergeCell ref="D28:E28"/>
    <mergeCell ref="F28:G28"/>
    <mergeCell ref="H28:I28"/>
    <mergeCell ref="J28:K28"/>
    <mergeCell ref="L28:M28"/>
    <mergeCell ref="N29:O29"/>
    <mergeCell ref="P29:Q29"/>
    <mergeCell ref="R29:S29"/>
    <mergeCell ref="T29:U29"/>
    <mergeCell ref="V29:W29"/>
    <mergeCell ref="D29:E29"/>
    <mergeCell ref="F29:G29"/>
    <mergeCell ref="H29:I29"/>
    <mergeCell ref="J29:K29"/>
    <mergeCell ref="L29:M29"/>
    <mergeCell ref="N30:O30"/>
    <mergeCell ref="P30:Q30"/>
    <mergeCell ref="R30:S30"/>
    <mergeCell ref="T30:U30"/>
    <mergeCell ref="V30:W30"/>
    <mergeCell ref="D30:E30"/>
    <mergeCell ref="F30:G30"/>
    <mergeCell ref="H30:I30"/>
    <mergeCell ref="J30:K30"/>
    <mergeCell ref="L30:M30"/>
    <mergeCell ref="N31:O31"/>
    <mergeCell ref="P31:Q31"/>
    <mergeCell ref="R31:S31"/>
    <mergeCell ref="T31:U31"/>
    <mergeCell ref="V31:W31"/>
    <mergeCell ref="D31:E31"/>
    <mergeCell ref="F31:G31"/>
    <mergeCell ref="H31:I31"/>
    <mergeCell ref="J31:K31"/>
    <mergeCell ref="L31:M31"/>
    <mergeCell ref="AB4:AC4"/>
    <mergeCell ref="AD4:AE4"/>
    <mergeCell ref="AF4:AG4"/>
    <mergeCell ref="AH5:AI5"/>
    <mergeCell ref="AJ5:AK5"/>
    <mergeCell ref="AL5:AM5"/>
    <mergeCell ref="AN5:AO5"/>
    <mergeCell ref="AP5:AQ5"/>
    <mergeCell ref="X5:Y5"/>
    <mergeCell ref="Z5:AA5"/>
    <mergeCell ref="AB5:AC5"/>
    <mergeCell ref="AD5:AE5"/>
    <mergeCell ref="AF5:AG5"/>
    <mergeCell ref="AH6:AI6"/>
    <mergeCell ref="AJ6:AK6"/>
    <mergeCell ref="AL6:AM6"/>
    <mergeCell ref="AN6:AO6"/>
    <mergeCell ref="AP6:AQ6"/>
    <mergeCell ref="X6:Y6"/>
    <mergeCell ref="Z6:AA6"/>
    <mergeCell ref="AB6:AC6"/>
    <mergeCell ref="AD6:AE6"/>
    <mergeCell ref="AF6:AG6"/>
    <mergeCell ref="AH7:AI7"/>
    <mergeCell ref="AJ7:AK7"/>
    <mergeCell ref="AL7:AM7"/>
    <mergeCell ref="AN7:AO7"/>
    <mergeCell ref="AP7:AQ7"/>
    <mergeCell ref="X7:Y7"/>
    <mergeCell ref="Z7:AA7"/>
    <mergeCell ref="AB7:AC7"/>
    <mergeCell ref="AD7:AE7"/>
    <mergeCell ref="AF7:AG7"/>
    <mergeCell ref="AH8:AI8"/>
    <mergeCell ref="AJ8:AK8"/>
    <mergeCell ref="AL8:AM8"/>
    <mergeCell ref="AN8:AO8"/>
    <mergeCell ref="AP8:AQ8"/>
    <mergeCell ref="X8:Y8"/>
    <mergeCell ref="Z8:AA8"/>
    <mergeCell ref="AB8:AC8"/>
    <mergeCell ref="AD8:AE8"/>
    <mergeCell ref="AF8:AG8"/>
    <mergeCell ref="AH17:AI17"/>
    <mergeCell ref="AJ17:AK17"/>
    <mergeCell ref="AL17:AM17"/>
    <mergeCell ref="AN17:AO17"/>
    <mergeCell ref="AP17:AQ17"/>
    <mergeCell ref="X17:Y17"/>
    <mergeCell ref="Z17:AA17"/>
    <mergeCell ref="AB17:AC17"/>
    <mergeCell ref="AD17:AE17"/>
    <mergeCell ref="AF17:AG17"/>
    <mergeCell ref="AH18:AI18"/>
    <mergeCell ref="AJ18:AK18"/>
    <mergeCell ref="AL18:AM18"/>
    <mergeCell ref="AN18:AO18"/>
    <mergeCell ref="AP18:AQ18"/>
    <mergeCell ref="X18:Y18"/>
    <mergeCell ref="Z18:AA18"/>
    <mergeCell ref="AB18:AC18"/>
    <mergeCell ref="AD18:AE18"/>
    <mergeCell ref="AF18:AG18"/>
    <mergeCell ref="AH19:AI19"/>
    <mergeCell ref="AJ19:AK19"/>
    <mergeCell ref="AL19:AM19"/>
    <mergeCell ref="AN19:AO19"/>
    <mergeCell ref="AP19:AQ19"/>
    <mergeCell ref="X19:Y19"/>
    <mergeCell ref="Z19:AA19"/>
    <mergeCell ref="AB19:AC19"/>
    <mergeCell ref="AD19:AE19"/>
    <mergeCell ref="AF19:AG19"/>
    <mergeCell ref="AH20:AI20"/>
    <mergeCell ref="AJ20:AK20"/>
    <mergeCell ref="AL20:AM20"/>
    <mergeCell ref="AN20:AO20"/>
    <mergeCell ref="AP20:AQ20"/>
    <mergeCell ref="X20:Y20"/>
    <mergeCell ref="Z20:AA20"/>
    <mergeCell ref="AB20:AC20"/>
    <mergeCell ref="AD20:AE20"/>
    <mergeCell ref="AF20:AG20"/>
    <mergeCell ref="AH21:AI21"/>
    <mergeCell ref="AJ21:AK21"/>
    <mergeCell ref="AL21:AM21"/>
    <mergeCell ref="AN21:AO21"/>
    <mergeCell ref="AP21:AQ21"/>
    <mergeCell ref="X21:Y21"/>
    <mergeCell ref="Z21:AA21"/>
    <mergeCell ref="AB21:AC21"/>
    <mergeCell ref="AD21:AE21"/>
    <mergeCell ref="AF21:AG21"/>
    <mergeCell ref="AH22:AI22"/>
    <mergeCell ref="AJ22:AK22"/>
    <mergeCell ref="AL22:AM22"/>
    <mergeCell ref="AN22:AO22"/>
    <mergeCell ref="AP22:AQ22"/>
    <mergeCell ref="X22:Y22"/>
    <mergeCell ref="Z22:AA22"/>
    <mergeCell ref="AB22:AC22"/>
    <mergeCell ref="AD22:AE22"/>
    <mergeCell ref="AF22:AG22"/>
    <mergeCell ref="AH23:AI23"/>
    <mergeCell ref="AJ23:AK23"/>
    <mergeCell ref="AL23:AM23"/>
    <mergeCell ref="AN23:AO23"/>
    <mergeCell ref="AP23:AQ23"/>
    <mergeCell ref="X23:Y23"/>
    <mergeCell ref="Z23:AA23"/>
    <mergeCell ref="AB23:AC23"/>
    <mergeCell ref="AD23:AE23"/>
    <mergeCell ref="AF23:AG23"/>
    <mergeCell ref="AH24:AI24"/>
    <mergeCell ref="AJ24:AK24"/>
    <mergeCell ref="AL24:AM24"/>
    <mergeCell ref="AN24:AO24"/>
    <mergeCell ref="AP24:AQ24"/>
    <mergeCell ref="X24:Y24"/>
    <mergeCell ref="Z24:AA24"/>
    <mergeCell ref="AB24:AC24"/>
    <mergeCell ref="AD24:AE24"/>
    <mergeCell ref="AF24:AG24"/>
    <mergeCell ref="AH25:AI25"/>
    <mergeCell ref="AJ25:AK25"/>
    <mergeCell ref="AL25:AM25"/>
    <mergeCell ref="AN25:AO25"/>
    <mergeCell ref="AP25:AQ25"/>
    <mergeCell ref="X25:Y25"/>
    <mergeCell ref="Z25:AA25"/>
    <mergeCell ref="AB25:AC25"/>
    <mergeCell ref="AD25:AE25"/>
    <mergeCell ref="AF25:AG25"/>
    <mergeCell ref="AH26:AI26"/>
    <mergeCell ref="AJ26:AK26"/>
    <mergeCell ref="AL26:AM26"/>
    <mergeCell ref="AN26:AO26"/>
    <mergeCell ref="AP26:AQ26"/>
    <mergeCell ref="X26:Y26"/>
    <mergeCell ref="Z26:AA26"/>
    <mergeCell ref="AB26:AC26"/>
    <mergeCell ref="AD26:AE26"/>
    <mergeCell ref="AF26:AG26"/>
    <mergeCell ref="AH27:AI27"/>
    <mergeCell ref="AJ27:AK27"/>
    <mergeCell ref="AL27:AM27"/>
    <mergeCell ref="AN27:AO27"/>
    <mergeCell ref="AP27:AQ27"/>
    <mergeCell ref="X27:Y27"/>
    <mergeCell ref="Z27:AA27"/>
    <mergeCell ref="AB27:AC27"/>
    <mergeCell ref="AD27:AE27"/>
    <mergeCell ref="AF27:AG27"/>
    <mergeCell ref="AH28:AI28"/>
    <mergeCell ref="AJ28:AK28"/>
    <mergeCell ref="AL28:AM28"/>
    <mergeCell ref="AN28:AO28"/>
    <mergeCell ref="AP28:AQ28"/>
    <mergeCell ref="X28:Y28"/>
    <mergeCell ref="Z28:AA28"/>
    <mergeCell ref="AB28:AC28"/>
    <mergeCell ref="AD28:AE28"/>
    <mergeCell ref="AF28:AG28"/>
    <mergeCell ref="AH29:AI29"/>
    <mergeCell ref="AJ29:AK29"/>
    <mergeCell ref="AL29:AM29"/>
    <mergeCell ref="AN29:AO29"/>
    <mergeCell ref="AP29:AQ29"/>
    <mergeCell ref="X29:Y29"/>
    <mergeCell ref="Z29:AA29"/>
    <mergeCell ref="AB29:AC29"/>
    <mergeCell ref="AD29:AE29"/>
    <mergeCell ref="AF29:AG29"/>
    <mergeCell ref="AH30:AI30"/>
    <mergeCell ref="AJ30:AK30"/>
    <mergeCell ref="AL30:AM30"/>
    <mergeCell ref="AN30:AO30"/>
    <mergeCell ref="AP30:AQ30"/>
    <mergeCell ref="X30:Y30"/>
    <mergeCell ref="Z30:AA30"/>
    <mergeCell ref="AB30:AC30"/>
    <mergeCell ref="AD30:AE30"/>
    <mergeCell ref="AF30:AG30"/>
    <mergeCell ref="AH31:AI31"/>
    <mergeCell ref="AJ31:AK31"/>
    <mergeCell ref="AL31:AM31"/>
    <mergeCell ref="AN31:AO31"/>
    <mergeCell ref="AP31:AQ31"/>
    <mergeCell ref="X31:Y31"/>
    <mergeCell ref="Z31:AA31"/>
    <mergeCell ref="AB31:AC31"/>
    <mergeCell ref="AD31:AE31"/>
    <mergeCell ref="AF31:AG31"/>
    <mergeCell ref="N32:O32"/>
    <mergeCell ref="P32:Q32"/>
    <mergeCell ref="R32:S32"/>
    <mergeCell ref="T32:U32"/>
    <mergeCell ref="V32:W32"/>
    <mergeCell ref="D32:E32"/>
    <mergeCell ref="F32:G32"/>
    <mergeCell ref="H32:I32"/>
    <mergeCell ref="J32:K32"/>
    <mergeCell ref="L32:M32"/>
    <mergeCell ref="N34:O34"/>
    <mergeCell ref="P34:Q34"/>
    <mergeCell ref="R34:S34"/>
    <mergeCell ref="T34:U34"/>
    <mergeCell ref="V34:W34"/>
    <mergeCell ref="D34:E34"/>
    <mergeCell ref="F34:G34"/>
    <mergeCell ref="H34:I34"/>
    <mergeCell ref="J34:K34"/>
    <mergeCell ref="L34:M34"/>
    <mergeCell ref="N35:O35"/>
    <mergeCell ref="P35:Q35"/>
    <mergeCell ref="R35:S35"/>
    <mergeCell ref="T35:U35"/>
    <mergeCell ref="V35:W35"/>
    <mergeCell ref="D35:E35"/>
    <mergeCell ref="F35:G35"/>
    <mergeCell ref="H35:I35"/>
    <mergeCell ref="J35:K35"/>
    <mergeCell ref="L35:M35"/>
    <mergeCell ref="AH32:AI32"/>
    <mergeCell ref="AJ32:AK32"/>
    <mergeCell ref="AL32:AM32"/>
    <mergeCell ref="AN32:AO32"/>
    <mergeCell ref="AP32:AQ32"/>
    <mergeCell ref="X32:Y32"/>
    <mergeCell ref="Z32:AA32"/>
    <mergeCell ref="AB32:AC32"/>
    <mergeCell ref="AD32:AE32"/>
    <mergeCell ref="AF32:AG32"/>
    <mergeCell ref="AH34:AI34"/>
    <mergeCell ref="AJ34:AK34"/>
    <mergeCell ref="AL34:AM34"/>
    <mergeCell ref="AN34:AO34"/>
    <mergeCell ref="AP34:AQ34"/>
    <mergeCell ref="X34:Y34"/>
    <mergeCell ref="Z34:AA34"/>
    <mergeCell ref="AB34:AC34"/>
    <mergeCell ref="AD34:AE34"/>
    <mergeCell ref="AF34:AG34"/>
    <mergeCell ref="AH35:AI35"/>
    <mergeCell ref="AJ35:AK35"/>
    <mergeCell ref="AL35:AM35"/>
    <mergeCell ref="AN35:AO35"/>
    <mergeCell ref="AP35:AQ35"/>
    <mergeCell ref="X35:Y35"/>
    <mergeCell ref="Z35:AA35"/>
    <mergeCell ref="AB35:AC35"/>
    <mergeCell ref="AD35:AE35"/>
    <mergeCell ref="AF35:AG35"/>
  </mergeCells>
  <phoneticPr fontId="1"/>
  <dataValidations count="3">
    <dataValidation type="list" allowBlank="1" showInputMessage="1" showErrorMessage="1" sqref="D32 V32 F32 H32 J32 L32 N32 P32 R32 T32 X32 Z32 AB32 AD32 AF32 AH32 AJ32 AL32 AN32 AP32">
      <formula1>$D$268:$D$279</formula1>
    </dataValidation>
    <dataValidation type="list" allowBlank="1" showInputMessage="1" showErrorMessage="1" sqref="D33:AQ33">
      <formula1>$O$268:$O$291</formula1>
    </dataValidation>
    <dataValidation type="list" allowBlank="1" showInputMessage="1" showErrorMessage="1" sqref="D34:D35 V34:V35 F34:F35 H34:H35 J34:J35 L34:L35 N34:N35 P34:P35 R34:R35 T34:T35 X34:X35 Z34:Z35 AB34:AB35 AD34:AD35 AF34:AF35 AH34:AH35 AJ34:AJ35 AL34:AL35 AN34:AN35 AP34:AP35">
      <formula1>$P$268:$P$294</formula1>
    </dataValidation>
  </dataValidations>
  <pageMargins left="0.31496062992125984" right="0.31496062992125984" top="0.55118110236220474" bottom="0.35433070866141736" header="0.31496062992125984" footer="0.31496062992125984"/>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AZ294"/>
  <sheetViews>
    <sheetView zoomScale="80" zoomScaleNormal="80" workbookViewId="0">
      <pane xSplit="3" ySplit="4" topLeftCell="D5" activePane="bottomRight" state="frozen"/>
      <selection pane="topRight" activeCell="D1" sqref="D1"/>
      <selection pane="bottomLeft" activeCell="A5" sqref="A5"/>
      <selection pane="bottomRight" activeCell="D32" sqref="D32:W35"/>
    </sheetView>
  </sheetViews>
  <sheetFormatPr defaultColWidth="8.58203125" defaultRowHeight="18" x14ac:dyDescent="0.55000000000000004"/>
  <cols>
    <col min="1" max="1" width="5.33203125" style="6" customWidth="1"/>
    <col min="2" max="2" width="4.83203125" style="6" customWidth="1"/>
    <col min="3" max="3" width="72" style="6" customWidth="1"/>
    <col min="4" max="43" width="3.08203125" style="6" customWidth="1"/>
    <col min="44" max="16384" width="8.58203125" style="6"/>
  </cols>
  <sheetData>
    <row r="1" spans="1:43" x14ac:dyDescent="0.55000000000000004">
      <c r="A1" s="378" t="s">
        <v>354</v>
      </c>
      <c r="B1" s="379"/>
      <c r="C1" s="380"/>
      <c r="D1" s="400" t="s">
        <v>358</v>
      </c>
      <c r="E1" s="400"/>
      <c r="F1" s="400"/>
      <c r="G1" s="400"/>
      <c r="H1" s="400"/>
      <c r="I1" s="400"/>
      <c r="J1" s="400"/>
      <c r="K1" s="400"/>
      <c r="L1" s="400"/>
      <c r="M1" s="400"/>
      <c r="N1" s="400"/>
      <c r="O1" s="400"/>
      <c r="P1" s="400"/>
      <c r="Q1" s="400"/>
      <c r="R1" s="400"/>
      <c r="S1" s="400"/>
      <c r="T1" s="400"/>
      <c r="U1" s="400"/>
      <c r="V1" s="400"/>
      <c r="W1" s="401"/>
      <c r="X1" s="399" t="s">
        <v>359</v>
      </c>
      <c r="Y1" s="400"/>
      <c r="Z1" s="400"/>
      <c r="AA1" s="400"/>
      <c r="AB1" s="400"/>
      <c r="AC1" s="400"/>
      <c r="AD1" s="400"/>
      <c r="AE1" s="400"/>
      <c r="AF1" s="400"/>
      <c r="AG1" s="400"/>
      <c r="AH1" s="400"/>
      <c r="AI1" s="400"/>
      <c r="AJ1" s="400"/>
      <c r="AK1" s="400"/>
      <c r="AL1" s="400"/>
      <c r="AM1" s="400"/>
      <c r="AN1" s="400"/>
      <c r="AO1" s="400"/>
      <c r="AP1" s="400"/>
      <c r="AQ1" s="401"/>
    </row>
    <row r="2" spans="1:43" x14ac:dyDescent="0.55000000000000004">
      <c r="A2" s="378"/>
      <c r="B2" s="379"/>
      <c r="C2" s="380"/>
      <c r="D2" s="375" t="str">
        <f>【手順１】!AS2</f>
        <v>①</v>
      </c>
      <c r="E2" s="375"/>
      <c r="F2" s="375"/>
      <c r="G2" s="375"/>
      <c r="H2" s="375"/>
      <c r="I2" s="375"/>
      <c r="J2" s="375"/>
      <c r="K2" s="375"/>
      <c r="L2" s="375"/>
      <c r="M2" s="375"/>
      <c r="N2" s="375"/>
      <c r="O2" s="375"/>
      <c r="P2" s="375"/>
      <c r="Q2" s="375"/>
      <c r="R2" s="375"/>
      <c r="S2" s="375"/>
      <c r="T2" s="375"/>
      <c r="U2" s="375"/>
      <c r="V2" s="375"/>
      <c r="W2" s="376"/>
      <c r="X2" s="377" t="str">
        <f>【手順１】!BM2</f>
        <v>②</v>
      </c>
      <c r="Y2" s="375"/>
      <c r="Z2" s="375"/>
      <c r="AA2" s="375"/>
      <c r="AB2" s="375"/>
      <c r="AC2" s="375"/>
      <c r="AD2" s="375"/>
      <c r="AE2" s="375"/>
      <c r="AF2" s="375"/>
      <c r="AG2" s="375"/>
      <c r="AH2" s="375"/>
      <c r="AI2" s="375"/>
      <c r="AJ2" s="375"/>
      <c r="AK2" s="375"/>
      <c r="AL2" s="375"/>
      <c r="AM2" s="375"/>
      <c r="AN2" s="375"/>
      <c r="AO2" s="375"/>
      <c r="AP2" s="375"/>
      <c r="AQ2" s="376"/>
    </row>
    <row r="3" spans="1:43" ht="20.149999999999999" customHeight="1" x14ac:dyDescent="0.55000000000000004">
      <c r="A3" s="379"/>
      <c r="B3" s="379"/>
      <c r="C3" s="380"/>
      <c r="D3" s="375" t="str">
        <f>【手順１】!AS3</f>
        <v>第３学年　時間</v>
      </c>
      <c r="E3" s="375"/>
      <c r="F3" s="375"/>
      <c r="G3" s="375"/>
      <c r="H3" s="375"/>
      <c r="I3" s="375"/>
      <c r="J3" s="375"/>
      <c r="K3" s="375"/>
      <c r="L3" s="375"/>
      <c r="M3" s="375"/>
      <c r="N3" s="375"/>
      <c r="O3" s="375"/>
      <c r="P3" s="375"/>
      <c r="Q3" s="375"/>
      <c r="R3" s="375"/>
      <c r="S3" s="375"/>
      <c r="T3" s="375"/>
      <c r="U3" s="375"/>
      <c r="V3" s="375"/>
      <c r="W3" s="376"/>
      <c r="X3" s="377" t="str">
        <f>【手順１】!BM3</f>
        <v>第３学年　時間</v>
      </c>
      <c r="Y3" s="375"/>
      <c r="Z3" s="375"/>
      <c r="AA3" s="375"/>
      <c r="AB3" s="375"/>
      <c r="AC3" s="375"/>
      <c r="AD3" s="375"/>
      <c r="AE3" s="375"/>
      <c r="AF3" s="375"/>
      <c r="AG3" s="375"/>
      <c r="AH3" s="375"/>
      <c r="AI3" s="375"/>
      <c r="AJ3" s="375"/>
      <c r="AK3" s="375"/>
      <c r="AL3" s="375"/>
      <c r="AM3" s="375"/>
      <c r="AN3" s="375"/>
      <c r="AO3" s="375"/>
      <c r="AP3" s="375"/>
      <c r="AQ3" s="376"/>
    </row>
    <row r="4" spans="1:43" ht="20.149999999999999" customHeight="1" x14ac:dyDescent="0.55000000000000004">
      <c r="A4" s="381"/>
      <c r="B4" s="381"/>
      <c r="C4" s="382"/>
      <c r="D4" s="370">
        <v>1</v>
      </c>
      <c r="E4" s="370"/>
      <c r="F4" s="402">
        <v>2</v>
      </c>
      <c r="G4" s="370"/>
      <c r="H4" s="402">
        <v>3</v>
      </c>
      <c r="I4" s="370"/>
      <c r="J4" s="402">
        <v>4</v>
      </c>
      <c r="K4" s="371"/>
      <c r="L4" s="370">
        <v>5</v>
      </c>
      <c r="M4" s="370"/>
      <c r="N4" s="402">
        <v>6</v>
      </c>
      <c r="O4" s="370"/>
      <c r="P4" s="402">
        <v>7</v>
      </c>
      <c r="Q4" s="370"/>
      <c r="R4" s="402">
        <v>8</v>
      </c>
      <c r="S4" s="371"/>
      <c r="T4" s="370">
        <v>9</v>
      </c>
      <c r="U4" s="370"/>
      <c r="V4" s="402">
        <v>10</v>
      </c>
      <c r="W4" s="403"/>
      <c r="X4" s="370">
        <v>1</v>
      </c>
      <c r="Y4" s="371"/>
      <c r="Z4" s="402">
        <v>2</v>
      </c>
      <c r="AA4" s="371"/>
      <c r="AB4" s="370">
        <v>3</v>
      </c>
      <c r="AC4" s="371"/>
      <c r="AD4" s="370">
        <v>4</v>
      </c>
      <c r="AE4" s="371"/>
      <c r="AF4" s="370">
        <v>5</v>
      </c>
      <c r="AG4" s="371"/>
      <c r="AH4" s="370">
        <v>6</v>
      </c>
      <c r="AI4" s="371"/>
      <c r="AJ4" s="370">
        <v>7</v>
      </c>
      <c r="AK4" s="371"/>
      <c r="AL4" s="370">
        <v>8</v>
      </c>
      <c r="AM4" s="371"/>
      <c r="AN4" s="370">
        <v>9</v>
      </c>
      <c r="AO4" s="371"/>
      <c r="AP4" s="402">
        <v>10</v>
      </c>
      <c r="AQ4" s="403"/>
    </row>
    <row r="5" spans="1:43" ht="25" customHeight="1" x14ac:dyDescent="0.55000000000000004">
      <c r="A5" s="390" t="s">
        <v>310</v>
      </c>
      <c r="B5" s="390" t="s">
        <v>1</v>
      </c>
      <c r="C5" s="245" t="str">
        <f>【手順１】!D5</f>
        <v>①球技の各型の各種目において用いられる技術や戦術、作戦には名称があり、それらを身に付けるためのポイントがあること</v>
      </c>
      <c r="D5" s="372">
        <f>【手順１】!AS5</f>
        <v>0</v>
      </c>
      <c r="E5" s="364"/>
      <c r="F5" s="364">
        <f>【手順１】!AU5</f>
        <v>0</v>
      </c>
      <c r="G5" s="364"/>
      <c r="H5" s="364">
        <f>【手順１】!AW5</f>
        <v>0</v>
      </c>
      <c r="I5" s="364"/>
      <c r="J5" s="364">
        <f>【手順１】!AY5</f>
        <v>0</v>
      </c>
      <c r="K5" s="364"/>
      <c r="L5" s="364">
        <f>【手順１】!BA5</f>
        <v>0</v>
      </c>
      <c r="M5" s="364"/>
      <c r="N5" s="364">
        <f>【手順１】!BC5</f>
        <v>0</v>
      </c>
      <c r="O5" s="364"/>
      <c r="P5" s="364">
        <f>【手順１】!BE5</f>
        <v>0</v>
      </c>
      <c r="Q5" s="364"/>
      <c r="R5" s="364">
        <f>【手順１】!BG5</f>
        <v>0</v>
      </c>
      <c r="S5" s="364"/>
      <c r="T5" s="364">
        <f>【手順１】!BI5</f>
        <v>0</v>
      </c>
      <c r="U5" s="364"/>
      <c r="V5" s="364">
        <f>【手順１】!BK5</f>
        <v>0</v>
      </c>
      <c r="W5" s="365"/>
      <c r="X5" s="366">
        <f>【手順１】!BM5</f>
        <v>0</v>
      </c>
      <c r="Y5" s="364"/>
      <c r="Z5" s="364">
        <f>【手順１】!BO5</f>
        <v>0</v>
      </c>
      <c r="AA5" s="364"/>
      <c r="AB5" s="364">
        <f>【手順１】!BQ5</f>
        <v>0</v>
      </c>
      <c r="AC5" s="364"/>
      <c r="AD5" s="364">
        <f>【手順１】!BS5</f>
        <v>0</v>
      </c>
      <c r="AE5" s="364"/>
      <c r="AF5" s="364">
        <f>【手順１】!BU5</f>
        <v>0</v>
      </c>
      <c r="AG5" s="364"/>
      <c r="AH5" s="364">
        <f>【手順１】!BW5</f>
        <v>0</v>
      </c>
      <c r="AI5" s="364"/>
      <c r="AJ5" s="364">
        <f>【手順１】!BY5</f>
        <v>0</v>
      </c>
      <c r="AK5" s="364"/>
      <c r="AL5" s="364">
        <f>【手順１】!CA5</f>
        <v>0</v>
      </c>
      <c r="AM5" s="364"/>
      <c r="AN5" s="364">
        <f>【手順１】!CC5</f>
        <v>0</v>
      </c>
      <c r="AO5" s="364"/>
      <c r="AP5" s="364">
        <f>【手順１】!CE5</f>
        <v>0</v>
      </c>
      <c r="AQ5" s="365"/>
    </row>
    <row r="6" spans="1:43" ht="9" customHeight="1" x14ac:dyDescent="0.55000000000000004">
      <c r="A6" s="391"/>
      <c r="B6" s="391"/>
      <c r="C6" s="250" t="str">
        <f>【手順１】!D6</f>
        <v>②戦術や作戦に応じて、技能をゲーム中に適切に発揮することが攻防のポイントであること</v>
      </c>
      <c r="D6" s="356">
        <f>【手順１】!AS6</f>
        <v>0</v>
      </c>
      <c r="E6" s="354"/>
      <c r="F6" s="354">
        <f>【手順１】!AU6</f>
        <v>0</v>
      </c>
      <c r="G6" s="354"/>
      <c r="H6" s="354">
        <f>【手順１】!AW6</f>
        <v>0</v>
      </c>
      <c r="I6" s="354"/>
      <c r="J6" s="354">
        <f>【手順１】!AY6</f>
        <v>0</v>
      </c>
      <c r="K6" s="354"/>
      <c r="L6" s="354">
        <f>【手順１】!BA6</f>
        <v>0</v>
      </c>
      <c r="M6" s="354"/>
      <c r="N6" s="354">
        <f>【手順１】!BC6</f>
        <v>0</v>
      </c>
      <c r="O6" s="354"/>
      <c r="P6" s="354">
        <f>【手順１】!BE6</f>
        <v>0</v>
      </c>
      <c r="Q6" s="354"/>
      <c r="R6" s="354">
        <f>【手順１】!BG6</f>
        <v>0</v>
      </c>
      <c r="S6" s="354"/>
      <c r="T6" s="354">
        <f>【手順１】!BI6</f>
        <v>0</v>
      </c>
      <c r="U6" s="354"/>
      <c r="V6" s="354">
        <f>【手順１】!BK6</f>
        <v>0</v>
      </c>
      <c r="W6" s="355"/>
      <c r="X6" s="363">
        <f>【手順１】!BM6</f>
        <v>0</v>
      </c>
      <c r="Y6" s="354"/>
      <c r="Z6" s="354">
        <f>【手順１】!BO6</f>
        <v>0</v>
      </c>
      <c r="AA6" s="354"/>
      <c r="AB6" s="354">
        <f>【手順１】!BQ6</f>
        <v>0</v>
      </c>
      <c r="AC6" s="354"/>
      <c r="AD6" s="354">
        <f>【手順１】!BS6</f>
        <v>0</v>
      </c>
      <c r="AE6" s="354"/>
      <c r="AF6" s="354">
        <f>【手順１】!BU6</f>
        <v>0</v>
      </c>
      <c r="AG6" s="354"/>
      <c r="AH6" s="354">
        <f>【手順１】!BW6</f>
        <v>0</v>
      </c>
      <c r="AI6" s="354"/>
      <c r="AJ6" s="354">
        <f>【手順１】!BY6</f>
        <v>0</v>
      </c>
      <c r="AK6" s="354"/>
      <c r="AL6" s="354">
        <f>【手順１】!CA6</f>
        <v>0</v>
      </c>
      <c r="AM6" s="354"/>
      <c r="AN6" s="354">
        <f>【手順１】!CC6</f>
        <v>0</v>
      </c>
      <c r="AO6" s="354"/>
      <c r="AP6" s="354">
        <f>【手順１】!CE6</f>
        <v>0</v>
      </c>
      <c r="AQ6" s="355"/>
    </row>
    <row r="7" spans="1:43" ht="26" customHeight="1" x14ac:dyDescent="0.55000000000000004">
      <c r="A7" s="391"/>
      <c r="B7" s="391"/>
      <c r="C7" s="250" t="str">
        <f>【手順１】!D7</f>
        <v>③ゲームに必要な技術と関連させた補助運動や部分練習を繰り返したり、継続して行ったりすることで、結果として体力を高めることができること</v>
      </c>
      <c r="D7" s="356">
        <f>【手順１】!AS7</f>
        <v>0</v>
      </c>
      <c r="E7" s="354"/>
      <c r="F7" s="354">
        <f>【手順１】!AU7</f>
        <v>0</v>
      </c>
      <c r="G7" s="354"/>
      <c r="H7" s="354">
        <f>【手順１】!AW7</f>
        <v>0</v>
      </c>
      <c r="I7" s="354"/>
      <c r="J7" s="354">
        <f>【手順１】!AY7</f>
        <v>0</v>
      </c>
      <c r="K7" s="354"/>
      <c r="L7" s="354">
        <f>【手順１】!BA7</f>
        <v>0</v>
      </c>
      <c r="M7" s="354"/>
      <c r="N7" s="354">
        <f>【手順１】!BC7</f>
        <v>0</v>
      </c>
      <c r="O7" s="354"/>
      <c r="P7" s="354">
        <f>【手順１】!BE7</f>
        <v>0</v>
      </c>
      <c r="Q7" s="354"/>
      <c r="R7" s="354">
        <f>【手順１】!BG7</f>
        <v>0</v>
      </c>
      <c r="S7" s="354"/>
      <c r="T7" s="354">
        <f>【手順１】!BI7</f>
        <v>0</v>
      </c>
      <c r="U7" s="354"/>
      <c r="V7" s="354">
        <f>【手順１】!BK7</f>
        <v>0</v>
      </c>
      <c r="W7" s="355"/>
      <c r="X7" s="363">
        <f>【手順１】!BM7</f>
        <v>0</v>
      </c>
      <c r="Y7" s="354"/>
      <c r="Z7" s="354">
        <f>【手順１】!BO7</f>
        <v>0</v>
      </c>
      <c r="AA7" s="354"/>
      <c r="AB7" s="354">
        <f>【手順１】!BQ7</f>
        <v>0</v>
      </c>
      <c r="AC7" s="354"/>
      <c r="AD7" s="354">
        <f>【手順１】!BS7</f>
        <v>0</v>
      </c>
      <c r="AE7" s="354"/>
      <c r="AF7" s="354">
        <f>【手順１】!BU7</f>
        <v>0</v>
      </c>
      <c r="AG7" s="354"/>
      <c r="AH7" s="354">
        <f>【手順１】!BW7</f>
        <v>0</v>
      </c>
      <c r="AI7" s="354"/>
      <c r="AJ7" s="354">
        <f>【手順１】!BY7</f>
        <v>0</v>
      </c>
      <c r="AK7" s="354"/>
      <c r="AL7" s="354">
        <f>【手順１】!CA7</f>
        <v>0</v>
      </c>
      <c r="AM7" s="354"/>
      <c r="AN7" s="354">
        <f>【手順１】!CC7</f>
        <v>0</v>
      </c>
      <c r="AO7" s="354"/>
      <c r="AP7" s="354">
        <f>【手順１】!CE7</f>
        <v>0</v>
      </c>
      <c r="AQ7" s="355"/>
    </row>
    <row r="8" spans="1:43" ht="9" customHeight="1" thickBot="1" x14ac:dyDescent="0.6">
      <c r="A8" s="391"/>
      <c r="B8" s="391"/>
      <c r="C8" s="246" t="str">
        <f>【手順１】!D8</f>
        <v>④練習やゲーム中の技能を観察したり分析したりするには、自己観察や他者観察などの方法があること</v>
      </c>
      <c r="D8" s="374">
        <f>【手順１】!AS8</f>
        <v>0</v>
      </c>
      <c r="E8" s="367"/>
      <c r="F8" s="367">
        <f>【手順１】!AU8</f>
        <v>0</v>
      </c>
      <c r="G8" s="367"/>
      <c r="H8" s="367">
        <f>【手順１】!AW8</f>
        <v>0</v>
      </c>
      <c r="I8" s="367"/>
      <c r="J8" s="367">
        <f>【手順１】!AY8</f>
        <v>0</v>
      </c>
      <c r="K8" s="367"/>
      <c r="L8" s="367">
        <f>【手順１】!BA8</f>
        <v>0</v>
      </c>
      <c r="M8" s="367"/>
      <c r="N8" s="367">
        <f>【手順１】!BC8</f>
        <v>0</v>
      </c>
      <c r="O8" s="367"/>
      <c r="P8" s="367">
        <f>【手順１】!BE8</f>
        <v>0</v>
      </c>
      <c r="Q8" s="367"/>
      <c r="R8" s="367">
        <f>【手順１】!BG8</f>
        <v>0</v>
      </c>
      <c r="S8" s="367"/>
      <c r="T8" s="367">
        <f>【手順１】!BI8</f>
        <v>0</v>
      </c>
      <c r="U8" s="367"/>
      <c r="V8" s="367">
        <f>【手順１】!BK8</f>
        <v>0</v>
      </c>
      <c r="W8" s="368"/>
      <c r="X8" s="369">
        <f>【手順１】!BM8</f>
        <v>0</v>
      </c>
      <c r="Y8" s="367"/>
      <c r="Z8" s="367">
        <f>【手順１】!BO8</f>
        <v>0</v>
      </c>
      <c r="AA8" s="367"/>
      <c r="AB8" s="367">
        <f>【手順１】!BQ8</f>
        <v>0</v>
      </c>
      <c r="AC8" s="367"/>
      <c r="AD8" s="367">
        <f>【手順１】!BS8</f>
        <v>0</v>
      </c>
      <c r="AE8" s="367"/>
      <c r="AF8" s="367">
        <f>【手順１】!BU8</f>
        <v>0</v>
      </c>
      <c r="AG8" s="367"/>
      <c r="AH8" s="367">
        <f>【手順１】!BW8</f>
        <v>0</v>
      </c>
      <c r="AI8" s="367"/>
      <c r="AJ8" s="367">
        <f>【手順１】!BY8</f>
        <v>0</v>
      </c>
      <c r="AK8" s="367"/>
      <c r="AL8" s="367">
        <f>【手順１】!CA8</f>
        <v>0</v>
      </c>
      <c r="AM8" s="367"/>
      <c r="AN8" s="367">
        <f>【手順１】!CC8</f>
        <v>0</v>
      </c>
      <c r="AO8" s="367"/>
      <c r="AP8" s="367">
        <f>【手順１】!CE8</f>
        <v>0</v>
      </c>
      <c r="AQ8" s="368"/>
    </row>
    <row r="9" spans="1:43" ht="9" customHeight="1" thickTop="1" x14ac:dyDescent="0.55000000000000004">
      <c r="A9" s="391"/>
      <c r="B9" s="393" t="s">
        <v>0</v>
      </c>
      <c r="C9" s="251" t="str">
        <f>【手順１】!D17</f>
        <v>①サービスでは、ボールをねらった場所に打つこと</v>
      </c>
      <c r="D9" s="252">
        <f>【手順１】!AS17</f>
        <v>0</v>
      </c>
      <c r="E9" s="253">
        <f>【手順１】!AT17</f>
        <v>0</v>
      </c>
      <c r="F9" s="253">
        <f>【手順１】!AU17</f>
        <v>0</v>
      </c>
      <c r="G9" s="253">
        <f>【手順１】!AV17</f>
        <v>0</v>
      </c>
      <c r="H9" s="253">
        <f>【手順１】!AW17</f>
        <v>0</v>
      </c>
      <c r="I9" s="253">
        <f>【手順１】!AX17</f>
        <v>0</v>
      </c>
      <c r="J9" s="253">
        <f>【手順１】!AY17</f>
        <v>0</v>
      </c>
      <c r="K9" s="253">
        <f>【手順１】!AZ17</f>
        <v>0</v>
      </c>
      <c r="L9" s="253">
        <f>【手順１】!BA17</f>
        <v>0</v>
      </c>
      <c r="M9" s="253">
        <f>【手順１】!BB17</f>
        <v>0</v>
      </c>
      <c r="N9" s="253">
        <f>【手順１】!BC17</f>
        <v>0</v>
      </c>
      <c r="O9" s="253">
        <f>【手順１】!BD17</f>
        <v>0</v>
      </c>
      <c r="P9" s="253">
        <f>【手順１】!BE17</f>
        <v>0</v>
      </c>
      <c r="Q9" s="253">
        <f>【手順１】!BF17</f>
        <v>0</v>
      </c>
      <c r="R9" s="253">
        <f>【手順１】!BG17</f>
        <v>0</v>
      </c>
      <c r="S9" s="253">
        <f>【手順１】!BH17</f>
        <v>0</v>
      </c>
      <c r="T9" s="253">
        <f>【手順１】!BI17</f>
        <v>0</v>
      </c>
      <c r="U9" s="253">
        <f>【手順１】!BJ17</f>
        <v>0</v>
      </c>
      <c r="V9" s="253">
        <f>【手順１】!BK17</f>
        <v>0</v>
      </c>
      <c r="W9" s="254">
        <f>【手順１】!BL17</f>
        <v>0</v>
      </c>
      <c r="X9" s="255">
        <f>【手順１】!BM17</f>
        <v>0</v>
      </c>
      <c r="Y9" s="253">
        <f>【手順１】!BN17</f>
        <v>0</v>
      </c>
      <c r="Z9" s="253">
        <f>【手順１】!BO17</f>
        <v>0</v>
      </c>
      <c r="AA9" s="253">
        <f>【手順１】!BP17</f>
        <v>0</v>
      </c>
      <c r="AB9" s="253">
        <f>【手順１】!BQ17</f>
        <v>0</v>
      </c>
      <c r="AC9" s="253">
        <f>【手順１】!BR17</f>
        <v>0</v>
      </c>
      <c r="AD9" s="253">
        <f>【手順１】!BS17</f>
        <v>0</v>
      </c>
      <c r="AE9" s="253">
        <f>【手順１】!BT17</f>
        <v>0</v>
      </c>
      <c r="AF9" s="253">
        <f>【手順１】!BU17</f>
        <v>0</v>
      </c>
      <c r="AG9" s="253">
        <f>【手順１】!BV17</f>
        <v>0</v>
      </c>
      <c r="AH9" s="253">
        <f>【手順１】!BW17</f>
        <v>0</v>
      </c>
      <c r="AI9" s="253">
        <f>【手順１】!BX17</f>
        <v>0</v>
      </c>
      <c r="AJ9" s="253">
        <f>【手順１】!BY17</f>
        <v>0</v>
      </c>
      <c r="AK9" s="253">
        <f>【手順１】!BZ17</f>
        <v>0</v>
      </c>
      <c r="AL9" s="253">
        <f>【手順１】!CA17</f>
        <v>0</v>
      </c>
      <c r="AM9" s="253">
        <f>【手順１】!CB17</f>
        <v>0</v>
      </c>
      <c r="AN9" s="253">
        <f>【手順１】!CC17</f>
        <v>0</v>
      </c>
      <c r="AO9" s="253">
        <f>【手順１】!CD17</f>
        <v>0</v>
      </c>
      <c r="AP9" s="253">
        <f>【手順１】!CE17</f>
        <v>0</v>
      </c>
      <c r="AQ9" s="254">
        <f>【手順１】!CF17</f>
        <v>0</v>
      </c>
    </row>
    <row r="10" spans="1:43" ht="9" customHeight="1" x14ac:dyDescent="0.55000000000000004">
      <c r="A10" s="391"/>
      <c r="B10" s="391"/>
      <c r="C10" s="248" t="str">
        <f>【手順１】!D18</f>
        <v>②ボールを相手側のコートの空いた場所やねらった場所に打ち返すこと</v>
      </c>
      <c r="D10" s="243">
        <f>【手順１】!AS18</f>
        <v>0</v>
      </c>
      <c r="E10" s="217">
        <f>【手順１】!AT18</f>
        <v>0</v>
      </c>
      <c r="F10" s="217">
        <f>【手順１】!AU18</f>
        <v>0</v>
      </c>
      <c r="G10" s="217">
        <f>【手順１】!AV18</f>
        <v>0</v>
      </c>
      <c r="H10" s="217">
        <f>【手順１】!AW18</f>
        <v>0</v>
      </c>
      <c r="I10" s="217">
        <f>【手順１】!AX18</f>
        <v>0</v>
      </c>
      <c r="J10" s="217">
        <f>【手順１】!AY18</f>
        <v>0</v>
      </c>
      <c r="K10" s="217">
        <f>【手順１】!AZ18</f>
        <v>0</v>
      </c>
      <c r="L10" s="217">
        <f>【手順１】!BA18</f>
        <v>0</v>
      </c>
      <c r="M10" s="217">
        <f>【手順１】!BB18</f>
        <v>0</v>
      </c>
      <c r="N10" s="217">
        <f>【手順１】!BC18</f>
        <v>0</v>
      </c>
      <c r="O10" s="217">
        <f>【手順１】!BD18</f>
        <v>0</v>
      </c>
      <c r="P10" s="217">
        <f>【手順１】!BE18</f>
        <v>0</v>
      </c>
      <c r="Q10" s="217">
        <f>【手順１】!BF18</f>
        <v>0</v>
      </c>
      <c r="R10" s="217">
        <f>【手順１】!BG18</f>
        <v>0</v>
      </c>
      <c r="S10" s="217">
        <f>【手順１】!BH18</f>
        <v>0</v>
      </c>
      <c r="T10" s="217">
        <f>【手順１】!BI18</f>
        <v>0</v>
      </c>
      <c r="U10" s="217">
        <f>【手順１】!BJ18</f>
        <v>0</v>
      </c>
      <c r="V10" s="217">
        <f>【手順１】!BK18</f>
        <v>0</v>
      </c>
      <c r="W10" s="218">
        <f>【手順１】!BL18</f>
        <v>0</v>
      </c>
      <c r="X10" s="220">
        <f>【手順１】!BM18</f>
        <v>0</v>
      </c>
      <c r="Y10" s="217">
        <f>【手順１】!BN18</f>
        <v>0</v>
      </c>
      <c r="Z10" s="217">
        <f>【手順１】!BO18</f>
        <v>0</v>
      </c>
      <c r="AA10" s="217">
        <f>【手順１】!BP18</f>
        <v>0</v>
      </c>
      <c r="AB10" s="217">
        <f>【手順１】!BQ18</f>
        <v>0</v>
      </c>
      <c r="AC10" s="217">
        <f>【手順１】!BR18</f>
        <v>0</v>
      </c>
      <c r="AD10" s="217">
        <f>【手順１】!BS18</f>
        <v>0</v>
      </c>
      <c r="AE10" s="217">
        <f>【手順１】!BT18</f>
        <v>0</v>
      </c>
      <c r="AF10" s="217">
        <f>【手順１】!BU18</f>
        <v>0</v>
      </c>
      <c r="AG10" s="217">
        <f>【手順１】!BV18</f>
        <v>0</v>
      </c>
      <c r="AH10" s="217">
        <f>【手順１】!BW18</f>
        <v>0</v>
      </c>
      <c r="AI10" s="217">
        <f>【手順１】!BX18</f>
        <v>0</v>
      </c>
      <c r="AJ10" s="217">
        <f>【手順１】!BY18</f>
        <v>0</v>
      </c>
      <c r="AK10" s="217">
        <f>【手順１】!BZ18</f>
        <v>0</v>
      </c>
      <c r="AL10" s="217">
        <f>【手順１】!CA18</f>
        <v>0</v>
      </c>
      <c r="AM10" s="217">
        <f>【手順１】!CB18</f>
        <v>0</v>
      </c>
      <c r="AN10" s="217">
        <f>【手順１】!CC18</f>
        <v>0</v>
      </c>
      <c r="AO10" s="217">
        <f>【手順１】!CD18</f>
        <v>0</v>
      </c>
      <c r="AP10" s="217">
        <f>【手順１】!CE18</f>
        <v>0</v>
      </c>
      <c r="AQ10" s="218">
        <f>【手順１】!CF18</f>
        <v>0</v>
      </c>
    </row>
    <row r="11" spans="1:43" ht="9" customHeight="1" x14ac:dyDescent="0.55000000000000004">
      <c r="A11" s="391"/>
      <c r="B11" s="391"/>
      <c r="C11" s="248" t="str">
        <f>【手順１】!D19</f>
        <v>③攻撃につなげるための次のプレイをしやすい高さと位置にボールを上げること</v>
      </c>
      <c r="D11" s="243">
        <f>【手順１】!AS19</f>
        <v>0</v>
      </c>
      <c r="E11" s="217">
        <f>【手順１】!AT19</f>
        <v>0</v>
      </c>
      <c r="F11" s="217">
        <f>【手順１】!AU19</f>
        <v>0</v>
      </c>
      <c r="G11" s="217">
        <f>【手順１】!AV19</f>
        <v>0</v>
      </c>
      <c r="H11" s="217">
        <f>【手順１】!AW19</f>
        <v>0</v>
      </c>
      <c r="I11" s="217">
        <f>【手順１】!AX19</f>
        <v>0</v>
      </c>
      <c r="J11" s="217">
        <f>【手順１】!AY19</f>
        <v>0</v>
      </c>
      <c r="K11" s="217">
        <f>【手順１】!AZ19</f>
        <v>0</v>
      </c>
      <c r="L11" s="217">
        <f>【手順１】!BA19</f>
        <v>0</v>
      </c>
      <c r="M11" s="217">
        <f>【手順１】!BB19</f>
        <v>0</v>
      </c>
      <c r="N11" s="217">
        <f>【手順１】!BC19</f>
        <v>0</v>
      </c>
      <c r="O11" s="217">
        <f>【手順１】!BD19</f>
        <v>0</v>
      </c>
      <c r="P11" s="217">
        <f>【手順１】!BE19</f>
        <v>0</v>
      </c>
      <c r="Q11" s="217">
        <f>【手順１】!BF19</f>
        <v>0</v>
      </c>
      <c r="R11" s="217">
        <f>【手順１】!BG19</f>
        <v>0</v>
      </c>
      <c r="S11" s="217">
        <f>【手順１】!BH19</f>
        <v>0</v>
      </c>
      <c r="T11" s="217">
        <f>【手順１】!BI19</f>
        <v>0</v>
      </c>
      <c r="U11" s="217">
        <f>【手順１】!BJ19</f>
        <v>0</v>
      </c>
      <c r="V11" s="217">
        <f>【手順１】!BK19</f>
        <v>0</v>
      </c>
      <c r="W11" s="218">
        <f>【手順１】!BL19</f>
        <v>0</v>
      </c>
      <c r="X11" s="220">
        <f>【手順１】!BM19</f>
        <v>0</v>
      </c>
      <c r="Y11" s="217">
        <f>【手順１】!BN19</f>
        <v>0</v>
      </c>
      <c r="Z11" s="217">
        <f>【手順１】!BO19</f>
        <v>0</v>
      </c>
      <c r="AA11" s="217">
        <f>【手順１】!BP19</f>
        <v>0</v>
      </c>
      <c r="AB11" s="217">
        <f>【手順１】!BQ19</f>
        <v>0</v>
      </c>
      <c r="AC11" s="217">
        <f>【手順１】!BR19</f>
        <v>0</v>
      </c>
      <c r="AD11" s="217">
        <f>【手順１】!BS19</f>
        <v>0</v>
      </c>
      <c r="AE11" s="217">
        <f>【手順１】!BT19</f>
        <v>0</v>
      </c>
      <c r="AF11" s="217">
        <f>【手順１】!BU19</f>
        <v>0</v>
      </c>
      <c r="AG11" s="217">
        <f>【手順１】!BV19</f>
        <v>0</v>
      </c>
      <c r="AH11" s="217">
        <f>【手順１】!BW19</f>
        <v>0</v>
      </c>
      <c r="AI11" s="217">
        <f>【手順１】!BX19</f>
        <v>0</v>
      </c>
      <c r="AJ11" s="217">
        <f>【手順１】!BY19</f>
        <v>0</v>
      </c>
      <c r="AK11" s="217">
        <f>【手順１】!BZ19</f>
        <v>0</v>
      </c>
      <c r="AL11" s="217">
        <f>【手順１】!CA19</f>
        <v>0</v>
      </c>
      <c r="AM11" s="217">
        <f>【手順１】!CB19</f>
        <v>0</v>
      </c>
      <c r="AN11" s="217">
        <f>【手順１】!CC19</f>
        <v>0</v>
      </c>
      <c r="AO11" s="217">
        <f>【手順１】!CD19</f>
        <v>0</v>
      </c>
      <c r="AP11" s="217">
        <f>【手順１】!CE19</f>
        <v>0</v>
      </c>
      <c r="AQ11" s="218">
        <f>【手順１】!CF19</f>
        <v>0</v>
      </c>
    </row>
    <row r="12" spans="1:43" ht="9" customHeight="1" x14ac:dyDescent="0.55000000000000004">
      <c r="A12" s="391"/>
      <c r="B12" s="391"/>
      <c r="C12" s="248" t="str">
        <f>【手順１】!D20</f>
        <v>④ネット付近でボールの侵入を防いだり、打ち返したりすること</v>
      </c>
      <c r="D12" s="243">
        <f>【手順１】!AS20</f>
        <v>0</v>
      </c>
      <c r="E12" s="217">
        <f>【手順１】!AT20</f>
        <v>0</v>
      </c>
      <c r="F12" s="217">
        <f>【手順１】!AU20</f>
        <v>0</v>
      </c>
      <c r="G12" s="217">
        <f>【手順１】!AV20</f>
        <v>0</v>
      </c>
      <c r="H12" s="217">
        <f>【手順１】!AW20</f>
        <v>0</v>
      </c>
      <c r="I12" s="217">
        <f>【手順１】!AX20</f>
        <v>0</v>
      </c>
      <c r="J12" s="217">
        <f>【手順１】!AY20</f>
        <v>0</v>
      </c>
      <c r="K12" s="217">
        <f>【手順１】!AZ20</f>
        <v>0</v>
      </c>
      <c r="L12" s="217">
        <f>【手順１】!BA20</f>
        <v>0</v>
      </c>
      <c r="M12" s="217">
        <f>【手順１】!BB20</f>
        <v>0</v>
      </c>
      <c r="N12" s="217">
        <f>【手順１】!BC20</f>
        <v>0</v>
      </c>
      <c r="O12" s="217">
        <f>【手順１】!BD20</f>
        <v>0</v>
      </c>
      <c r="P12" s="217">
        <f>【手順１】!BE20</f>
        <v>0</v>
      </c>
      <c r="Q12" s="217">
        <f>【手順１】!BF20</f>
        <v>0</v>
      </c>
      <c r="R12" s="217">
        <f>【手順１】!BG20</f>
        <v>0</v>
      </c>
      <c r="S12" s="217">
        <f>【手順１】!BH20</f>
        <v>0</v>
      </c>
      <c r="T12" s="217">
        <f>【手順１】!BI20</f>
        <v>0</v>
      </c>
      <c r="U12" s="217">
        <f>【手順１】!BJ20</f>
        <v>0</v>
      </c>
      <c r="V12" s="217">
        <f>【手順１】!BK20</f>
        <v>0</v>
      </c>
      <c r="W12" s="218">
        <f>【手順１】!BL20</f>
        <v>0</v>
      </c>
      <c r="X12" s="220">
        <f>【手順１】!BM20</f>
        <v>0</v>
      </c>
      <c r="Y12" s="217">
        <f>【手順１】!BN20</f>
        <v>0</v>
      </c>
      <c r="Z12" s="217">
        <f>【手順１】!BO20</f>
        <v>0</v>
      </c>
      <c r="AA12" s="217">
        <f>【手順１】!BP20</f>
        <v>0</v>
      </c>
      <c r="AB12" s="217">
        <f>【手順１】!BQ20</f>
        <v>0</v>
      </c>
      <c r="AC12" s="217">
        <f>【手順１】!BR20</f>
        <v>0</v>
      </c>
      <c r="AD12" s="217">
        <f>【手順１】!BS20</f>
        <v>0</v>
      </c>
      <c r="AE12" s="217">
        <f>【手順１】!BT20</f>
        <v>0</v>
      </c>
      <c r="AF12" s="217">
        <f>【手順１】!BU20</f>
        <v>0</v>
      </c>
      <c r="AG12" s="217">
        <f>【手順１】!BV20</f>
        <v>0</v>
      </c>
      <c r="AH12" s="217">
        <f>【手順１】!BW20</f>
        <v>0</v>
      </c>
      <c r="AI12" s="217">
        <f>【手順１】!BX20</f>
        <v>0</v>
      </c>
      <c r="AJ12" s="217">
        <f>【手順１】!BY20</f>
        <v>0</v>
      </c>
      <c r="AK12" s="217">
        <f>【手順１】!BZ20</f>
        <v>0</v>
      </c>
      <c r="AL12" s="217">
        <f>【手順１】!CA20</f>
        <v>0</v>
      </c>
      <c r="AM12" s="217">
        <f>【手順１】!CB20</f>
        <v>0</v>
      </c>
      <c r="AN12" s="217">
        <f>【手順１】!CC20</f>
        <v>0</v>
      </c>
      <c r="AO12" s="217">
        <f>【手順１】!CD20</f>
        <v>0</v>
      </c>
      <c r="AP12" s="217">
        <f>【手順１】!CE20</f>
        <v>0</v>
      </c>
      <c r="AQ12" s="218">
        <f>【手順１】!CF20</f>
        <v>0</v>
      </c>
    </row>
    <row r="13" spans="1:43" ht="9" customHeight="1" x14ac:dyDescent="0.55000000000000004">
      <c r="A13" s="391"/>
      <c r="B13" s="391"/>
      <c r="C13" s="248" t="str">
        <f>【手順１】!D21</f>
        <v>⑤腕やラケットを強く振って、ネットより高い位置から相手側のコートに打ち込むこと</v>
      </c>
      <c r="D13" s="243">
        <f>【手順１】!AS21</f>
        <v>0</v>
      </c>
      <c r="E13" s="217">
        <f>【手順１】!AT21</f>
        <v>0</v>
      </c>
      <c r="F13" s="217">
        <f>【手順１】!AU21</f>
        <v>0</v>
      </c>
      <c r="G13" s="217">
        <f>【手順１】!AV21</f>
        <v>0</v>
      </c>
      <c r="H13" s="217">
        <f>【手順１】!AW21</f>
        <v>0</v>
      </c>
      <c r="I13" s="217">
        <f>【手順１】!AX21</f>
        <v>0</v>
      </c>
      <c r="J13" s="217">
        <f>【手順１】!AY21</f>
        <v>0</v>
      </c>
      <c r="K13" s="217">
        <f>【手順１】!AZ21</f>
        <v>0</v>
      </c>
      <c r="L13" s="217">
        <f>【手順１】!BA21</f>
        <v>0</v>
      </c>
      <c r="M13" s="217">
        <f>【手順１】!BB21</f>
        <v>0</v>
      </c>
      <c r="N13" s="217">
        <f>【手順１】!BC21</f>
        <v>0</v>
      </c>
      <c r="O13" s="217">
        <f>【手順１】!BD21</f>
        <v>0</v>
      </c>
      <c r="P13" s="217">
        <f>【手順１】!BE21</f>
        <v>0</v>
      </c>
      <c r="Q13" s="217">
        <f>【手順１】!BF21</f>
        <v>0</v>
      </c>
      <c r="R13" s="217">
        <f>【手順１】!BG21</f>
        <v>0</v>
      </c>
      <c r="S13" s="217">
        <f>【手順１】!BH21</f>
        <v>0</v>
      </c>
      <c r="T13" s="217">
        <f>【手順１】!BI21</f>
        <v>0</v>
      </c>
      <c r="U13" s="217">
        <f>【手順１】!BJ21</f>
        <v>0</v>
      </c>
      <c r="V13" s="217">
        <f>【手順１】!BK21</f>
        <v>0</v>
      </c>
      <c r="W13" s="218">
        <f>【手順１】!BL21</f>
        <v>0</v>
      </c>
      <c r="X13" s="220">
        <f>【手順１】!BM21</f>
        <v>0</v>
      </c>
      <c r="Y13" s="217">
        <f>【手順１】!BN21</f>
        <v>0</v>
      </c>
      <c r="Z13" s="217">
        <f>【手順１】!BO21</f>
        <v>0</v>
      </c>
      <c r="AA13" s="217">
        <f>【手順１】!BP21</f>
        <v>0</v>
      </c>
      <c r="AB13" s="217">
        <f>【手順１】!BQ21</f>
        <v>0</v>
      </c>
      <c r="AC13" s="217">
        <f>【手順１】!BR21</f>
        <v>0</v>
      </c>
      <c r="AD13" s="217">
        <f>【手順１】!BS21</f>
        <v>0</v>
      </c>
      <c r="AE13" s="217">
        <f>【手順１】!BT21</f>
        <v>0</v>
      </c>
      <c r="AF13" s="217">
        <f>【手順１】!BU21</f>
        <v>0</v>
      </c>
      <c r="AG13" s="217">
        <f>【手順１】!BV21</f>
        <v>0</v>
      </c>
      <c r="AH13" s="217">
        <f>【手順１】!BW21</f>
        <v>0</v>
      </c>
      <c r="AI13" s="217">
        <f>【手順１】!BX21</f>
        <v>0</v>
      </c>
      <c r="AJ13" s="217">
        <f>【手順１】!BY21</f>
        <v>0</v>
      </c>
      <c r="AK13" s="217">
        <f>【手順１】!BZ21</f>
        <v>0</v>
      </c>
      <c r="AL13" s="217">
        <f>【手順１】!CA21</f>
        <v>0</v>
      </c>
      <c r="AM13" s="217">
        <f>【手順１】!CB21</f>
        <v>0</v>
      </c>
      <c r="AN13" s="217">
        <f>【手順１】!CC21</f>
        <v>0</v>
      </c>
      <c r="AO13" s="217">
        <f>【手順１】!CD21</f>
        <v>0</v>
      </c>
      <c r="AP13" s="217">
        <f>【手順１】!CE21</f>
        <v>0</v>
      </c>
      <c r="AQ13" s="218">
        <f>【手順１】!CF21</f>
        <v>0</v>
      </c>
    </row>
    <row r="14" spans="1:43" ht="9" customHeight="1" x14ac:dyDescent="0.55000000000000004">
      <c r="A14" s="391"/>
      <c r="B14" s="391"/>
      <c r="C14" s="248" t="str">
        <f>【手順１】!D22</f>
        <v>⑥ポジションの役割に応じて、拾ったりつないだり打ち返したりすること</v>
      </c>
      <c r="D14" s="243">
        <f>【手順１】!AS22</f>
        <v>0</v>
      </c>
      <c r="E14" s="217">
        <f>【手順１】!AT22</f>
        <v>0</v>
      </c>
      <c r="F14" s="217">
        <f>【手順１】!AU22</f>
        <v>0</v>
      </c>
      <c r="G14" s="217">
        <f>【手順１】!AV22</f>
        <v>0</v>
      </c>
      <c r="H14" s="217">
        <f>【手順１】!AW22</f>
        <v>0</v>
      </c>
      <c r="I14" s="217">
        <f>【手順１】!AX22</f>
        <v>0</v>
      </c>
      <c r="J14" s="217">
        <f>【手順１】!AY22</f>
        <v>0</v>
      </c>
      <c r="K14" s="217">
        <f>【手順１】!AZ22</f>
        <v>0</v>
      </c>
      <c r="L14" s="217">
        <f>【手順１】!BA22</f>
        <v>0</v>
      </c>
      <c r="M14" s="217">
        <f>【手順１】!BB22</f>
        <v>0</v>
      </c>
      <c r="N14" s="217">
        <f>【手順１】!BC22</f>
        <v>0</v>
      </c>
      <c r="O14" s="217">
        <f>【手順１】!BD22</f>
        <v>0</v>
      </c>
      <c r="P14" s="217">
        <f>【手順１】!BE22</f>
        <v>0</v>
      </c>
      <c r="Q14" s="217">
        <f>【手順１】!BF22</f>
        <v>0</v>
      </c>
      <c r="R14" s="217">
        <f>【手順１】!BG22</f>
        <v>0</v>
      </c>
      <c r="S14" s="217">
        <f>【手順１】!BH22</f>
        <v>0</v>
      </c>
      <c r="T14" s="217">
        <f>【手順１】!BI22</f>
        <v>0</v>
      </c>
      <c r="U14" s="217">
        <f>【手順１】!BJ22</f>
        <v>0</v>
      </c>
      <c r="V14" s="217">
        <f>【手順１】!BK22</f>
        <v>0</v>
      </c>
      <c r="W14" s="218">
        <f>【手順１】!BL22</f>
        <v>0</v>
      </c>
      <c r="X14" s="220">
        <f>【手順１】!BM22</f>
        <v>0</v>
      </c>
      <c r="Y14" s="217">
        <f>【手順１】!BN22</f>
        <v>0</v>
      </c>
      <c r="Z14" s="217">
        <f>【手順１】!BO22</f>
        <v>0</v>
      </c>
      <c r="AA14" s="217">
        <f>【手順１】!BP22</f>
        <v>0</v>
      </c>
      <c r="AB14" s="217">
        <f>【手順１】!BQ22</f>
        <v>0</v>
      </c>
      <c r="AC14" s="217">
        <f>【手順１】!BR22</f>
        <v>0</v>
      </c>
      <c r="AD14" s="217">
        <f>【手順１】!BS22</f>
        <v>0</v>
      </c>
      <c r="AE14" s="217">
        <f>【手順１】!BT22</f>
        <v>0</v>
      </c>
      <c r="AF14" s="217">
        <f>【手順１】!BU22</f>
        <v>0</v>
      </c>
      <c r="AG14" s="217">
        <f>【手順１】!BV22</f>
        <v>0</v>
      </c>
      <c r="AH14" s="217">
        <f>【手順１】!BW22</f>
        <v>0</v>
      </c>
      <c r="AI14" s="217">
        <f>【手順１】!BX22</f>
        <v>0</v>
      </c>
      <c r="AJ14" s="217">
        <f>【手順１】!BY22</f>
        <v>0</v>
      </c>
      <c r="AK14" s="217">
        <f>【手順１】!BZ22</f>
        <v>0</v>
      </c>
      <c r="AL14" s="217">
        <f>【手順１】!CA22</f>
        <v>0</v>
      </c>
      <c r="AM14" s="217">
        <f>【手順１】!CB22</f>
        <v>0</v>
      </c>
      <c r="AN14" s="217">
        <f>【手順１】!CC22</f>
        <v>0</v>
      </c>
      <c r="AO14" s="217">
        <f>【手順１】!CD22</f>
        <v>0</v>
      </c>
      <c r="AP14" s="217">
        <f>【手順１】!CE22</f>
        <v>0</v>
      </c>
      <c r="AQ14" s="218">
        <f>【手順１】!CF22</f>
        <v>0</v>
      </c>
    </row>
    <row r="15" spans="1:43" ht="9" customHeight="1" x14ac:dyDescent="0.55000000000000004">
      <c r="A15" s="391"/>
      <c r="B15" s="391"/>
      <c r="C15" s="248" t="str">
        <f>【手順１】!D23</f>
        <v>⑦ラリーの中で、味方の動きに合わせてコート上の空いている場所をカバーすること</v>
      </c>
      <c r="D15" s="243">
        <f>【手順１】!AS23</f>
        <v>0</v>
      </c>
      <c r="E15" s="217">
        <f>【手順１】!AT23</f>
        <v>0</v>
      </c>
      <c r="F15" s="217">
        <f>【手順１】!AU23</f>
        <v>0</v>
      </c>
      <c r="G15" s="217">
        <f>【手順１】!AV23</f>
        <v>0</v>
      </c>
      <c r="H15" s="217">
        <f>【手順１】!AW23</f>
        <v>0</v>
      </c>
      <c r="I15" s="217">
        <f>【手順１】!AX23</f>
        <v>0</v>
      </c>
      <c r="J15" s="217">
        <f>【手順１】!AY23</f>
        <v>0</v>
      </c>
      <c r="K15" s="217">
        <f>【手順１】!AZ23</f>
        <v>0</v>
      </c>
      <c r="L15" s="217">
        <f>【手順１】!BA23</f>
        <v>0</v>
      </c>
      <c r="M15" s="217">
        <f>【手順１】!BB23</f>
        <v>0</v>
      </c>
      <c r="N15" s="217">
        <f>【手順１】!BC23</f>
        <v>0</v>
      </c>
      <c r="O15" s="217">
        <f>【手順１】!BD23</f>
        <v>0</v>
      </c>
      <c r="P15" s="217">
        <f>【手順１】!BE23</f>
        <v>0</v>
      </c>
      <c r="Q15" s="217">
        <f>【手順１】!BF23</f>
        <v>0</v>
      </c>
      <c r="R15" s="217">
        <f>【手順１】!BG23</f>
        <v>0</v>
      </c>
      <c r="S15" s="217">
        <f>【手順１】!BH23</f>
        <v>0</v>
      </c>
      <c r="T15" s="217">
        <f>【手順１】!BI23</f>
        <v>0</v>
      </c>
      <c r="U15" s="217">
        <f>【手順１】!BJ23</f>
        <v>0</v>
      </c>
      <c r="V15" s="217">
        <f>【手順１】!BK23</f>
        <v>0</v>
      </c>
      <c r="W15" s="218">
        <f>【手順１】!BL23</f>
        <v>0</v>
      </c>
      <c r="X15" s="220">
        <f>【手順１】!BM23</f>
        <v>0</v>
      </c>
      <c r="Y15" s="217">
        <f>【手順１】!BN23</f>
        <v>0</v>
      </c>
      <c r="Z15" s="217">
        <f>【手順１】!BO23</f>
        <v>0</v>
      </c>
      <c r="AA15" s="217">
        <f>【手順１】!BP23</f>
        <v>0</v>
      </c>
      <c r="AB15" s="217">
        <f>【手順１】!BQ23</f>
        <v>0</v>
      </c>
      <c r="AC15" s="217">
        <f>【手順１】!BR23</f>
        <v>0</v>
      </c>
      <c r="AD15" s="217">
        <f>【手順１】!BS23</f>
        <v>0</v>
      </c>
      <c r="AE15" s="217">
        <f>【手順１】!BT23</f>
        <v>0</v>
      </c>
      <c r="AF15" s="217">
        <f>【手順１】!BU23</f>
        <v>0</v>
      </c>
      <c r="AG15" s="217">
        <f>【手順１】!BV23</f>
        <v>0</v>
      </c>
      <c r="AH15" s="217">
        <f>【手順１】!BW23</f>
        <v>0</v>
      </c>
      <c r="AI15" s="217">
        <f>【手順１】!BX23</f>
        <v>0</v>
      </c>
      <c r="AJ15" s="217">
        <f>【手順１】!BY23</f>
        <v>0</v>
      </c>
      <c r="AK15" s="217">
        <f>【手順１】!BZ23</f>
        <v>0</v>
      </c>
      <c r="AL15" s="217">
        <f>【手順１】!CA23</f>
        <v>0</v>
      </c>
      <c r="AM15" s="217">
        <f>【手順１】!CB23</f>
        <v>0</v>
      </c>
      <c r="AN15" s="217">
        <f>【手順１】!CC23</f>
        <v>0</v>
      </c>
      <c r="AO15" s="217">
        <f>【手順１】!CD23</f>
        <v>0</v>
      </c>
      <c r="AP15" s="217">
        <f>【手順１】!CE23</f>
        <v>0</v>
      </c>
      <c r="AQ15" s="218">
        <f>【手順１】!CF23</f>
        <v>0</v>
      </c>
    </row>
    <row r="16" spans="1:43" ht="9" customHeight="1" x14ac:dyDescent="0.55000000000000004">
      <c r="A16" s="391"/>
      <c r="B16" s="392"/>
      <c r="C16" s="248" t="str">
        <f>【手順１】!D24</f>
        <v>⑧連携プレイのための基本的なフォーメーションに応じた位置に動くこと</v>
      </c>
      <c r="D16" s="244">
        <f>【手順１】!AS24</f>
        <v>0</v>
      </c>
      <c r="E16" s="222">
        <f>【手順１】!AT24</f>
        <v>0</v>
      </c>
      <c r="F16" s="222">
        <f>【手順１】!AU24</f>
        <v>0</v>
      </c>
      <c r="G16" s="222">
        <f>【手順１】!AV24</f>
        <v>0</v>
      </c>
      <c r="H16" s="222">
        <f>【手順１】!AW24</f>
        <v>0</v>
      </c>
      <c r="I16" s="222">
        <f>【手順１】!AX24</f>
        <v>0</v>
      </c>
      <c r="J16" s="222">
        <f>【手順１】!AY24</f>
        <v>0</v>
      </c>
      <c r="K16" s="222">
        <f>【手順１】!AZ24</f>
        <v>0</v>
      </c>
      <c r="L16" s="222">
        <f>【手順１】!BA24</f>
        <v>0</v>
      </c>
      <c r="M16" s="222">
        <f>【手順１】!BB24</f>
        <v>0</v>
      </c>
      <c r="N16" s="222">
        <f>【手順１】!BC24</f>
        <v>0</v>
      </c>
      <c r="O16" s="222">
        <f>【手順１】!BD24</f>
        <v>0</v>
      </c>
      <c r="P16" s="222">
        <f>【手順１】!BE24</f>
        <v>0</v>
      </c>
      <c r="Q16" s="222">
        <f>【手順１】!BF24</f>
        <v>0</v>
      </c>
      <c r="R16" s="222">
        <f>【手順１】!BG24</f>
        <v>0</v>
      </c>
      <c r="S16" s="222">
        <f>【手順１】!BH24</f>
        <v>0</v>
      </c>
      <c r="T16" s="222">
        <f>【手順１】!BI24</f>
        <v>0</v>
      </c>
      <c r="U16" s="222">
        <f>【手順１】!BJ24</f>
        <v>0</v>
      </c>
      <c r="V16" s="222">
        <f>【手順１】!BK24</f>
        <v>0</v>
      </c>
      <c r="W16" s="223">
        <f>【手順１】!BL24</f>
        <v>0</v>
      </c>
      <c r="X16" s="221">
        <f>【手順１】!BM24</f>
        <v>0</v>
      </c>
      <c r="Y16" s="222">
        <f>【手順１】!BN24</f>
        <v>0</v>
      </c>
      <c r="Z16" s="222">
        <f>【手順１】!BO24</f>
        <v>0</v>
      </c>
      <c r="AA16" s="222">
        <f>【手順１】!BP24</f>
        <v>0</v>
      </c>
      <c r="AB16" s="222">
        <f>【手順１】!BQ24</f>
        <v>0</v>
      </c>
      <c r="AC16" s="222">
        <f>【手順１】!BR24</f>
        <v>0</v>
      </c>
      <c r="AD16" s="222">
        <f>【手順１】!BS24</f>
        <v>0</v>
      </c>
      <c r="AE16" s="222">
        <f>【手順１】!BT24</f>
        <v>0</v>
      </c>
      <c r="AF16" s="222">
        <f>【手順１】!BU24</f>
        <v>0</v>
      </c>
      <c r="AG16" s="222">
        <f>【手順１】!BV24</f>
        <v>0</v>
      </c>
      <c r="AH16" s="222">
        <f>【手順１】!BW24</f>
        <v>0</v>
      </c>
      <c r="AI16" s="222">
        <f>【手順１】!BX24</f>
        <v>0</v>
      </c>
      <c r="AJ16" s="222">
        <f>【手順１】!BY24</f>
        <v>0</v>
      </c>
      <c r="AK16" s="222">
        <f>【手順１】!BZ24</f>
        <v>0</v>
      </c>
      <c r="AL16" s="222">
        <f>【手順１】!CA24</f>
        <v>0</v>
      </c>
      <c r="AM16" s="222">
        <f>【手順１】!CB24</f>
        <v>0</v>
      </c>
      <c r="AN16" s="222">
        <f>【手順１】!CC24</f>
        <v>0</v>
      </c>
      <c r="AO16" s="222">
        <f>【手順１】!CD24</f>
        <v>0</v>
      </c>
      <c r="AP16" s="222">
        <f>【手順１】!CE24</f>
        <v>0</v>
      </c>
      <c r="AQ16" s="223">
        <f>【手順１】!CF24</f>
        <v>0</v>
      </c>
    </row>
    <row r="17" spans="1:52" ht="26" customHeight="1" x14ac:dyDescent="0.55000000000000004">
      <c r="A17" s="391"/>
      <c r="B17" s="390" t="s">
        <v>2</v>
      </c>
      <c r="C17" s="249" t="str">
        <f>【手順１】!D35</f>
        <v>①選択した運動について、合理的な動きと自己や仲間の動きを比較して、成果や改善すべきポイントとその理由を仲間に伝えること</v>
      </c>
      <c r="D17" s="372">
        <f>【手順１】!AS35</f>
        <v>0</v>
      </c>
      <c r="E17" s="364"/>
      <c r="F17" s="364">
        <f>【手順１】!AU35</f>
        <v>0</v>
      </c>
      <c r="G17" s="364"/>
      <c r="H17" s="364">
        <f>【手順１】!AW35</f>
        <v>0</v>
      </c>
      <c r="I17" s="364"/>
      <c r="J17" s="364">
        <f>【手順１】!AY35</f>
        <v>0</v>
      </c>
      <c r="K17" s="364"/>
      <c r="L17" s="364">
        <f>【手順１】!BA35</f>
        <v>0</v>
      </c>
      <c r="M17" s="364"/>
      <c r="N17" s="364">
        <f>【手順１】!BC35</f>
        <v>0</v>
      </c>
      <c r="O17" s="364"/>
      <c r="P17" s="364">
        <f>【手順１】!BE35</f>
        <v>0</v>
      </c>
      <c r="Q17" s="364"/>
      <c r="R17" s="364">
        <f>【手順１】!BG35</f>
        <v>0</v>
      </c>
      <c r="S17" s="364"/>
      <c r="T17" s="364">
        <f>【手順１】!BI35</f>
        <v>0</v>
      </c>
      <c r="U17" s="364"/>
      <c r="V17" s="364">
        <f>【手順１】!BK35</f>
        <v>0</v>
      </c>
      <c r="W17" s="365"/>
      <c r="X17" s="366">
        <f>【手順１】!BM35</f>
        <v>0</v>
      </c>
      <c r="Y17" s="364"/>
      <c r="Z17" s="364">
        <f>【手順１】!BO35</f>
        <v>0</v>
      </c>
      <c r="AA17" s="364"/>
      <c r="AB17" s="364">
        <f>【手順１】!BQ35</f>
        <v>0</v>
      </c>
      <c r="AC17" s="364"/>
      <c r="AD17" s="364">
        <f>【手順１】!BS35</f>
        <v>0</v>
      </c>
      <c r="AE17" s="364"/>
      <c r="AF17" s="364">
        <f>【手順１】!BU35</f>
        <v>0</v>
      </c>
      <c r="AG17" s="364"/>
      <c r="AH17" s="364">
        <f>【手順１】!BW35</f>
        <v>0</v>
      </c>
      <c r="AI17" s="364"/>
      <c r="AJ17" s="364">
        <f>【手順１】!BY35</f>
        <v>0</v>
      </c>
      <c r="AK17" s="364"/>
      <c r="AL17" s="364">
        <f>【手順１】!CA35</f>
        <v>0</v>
      </c>
      <c r="AM17" s="364"/>
      <c r="AN17" s="364">
        <f>【手順１】!CC35</f>
        <v>0</v>
      </c>
      <c r="AO17" s="364"/>
      <c r="AP17" s="364">
        <f>【手順１】!CE35</f>
        <v>0</v>
      </c>
      <c r="AQ17" s="365"/>
    </row>
    <row r="18" spans="1:52" ht="25.5" customHeight="1" x14ac:dyDescent="0.55000000000000004">
      <c r="A18" s="391"/>
      <c r="B18" s="391"/>
      <c r="C18" s="248" t="str">
        <f>【手順１】!D36</f>
        <v>②自己や仲間の技術的な課題やチームの作戦・戦術についての課題や課題解決に有効な練習方法の選択について、自己の考えを伝えること</v>
      </c>
      <c r="D18" s="356">
        <f>【手順１】!AS36</f>
        <v>0</v>
      </c>
      <c r="E18" s="354"/>
      <c r="F18" s="354">
        <f>【手順１】!AU36</f>
        <v>0</v>
      </c>
      <c r="G18" s="354"/>
      <c r="H18" s="354">
        <f>【手順１】!AW36</f>
        <v>0</v>
      </c>
      <c r="I18" s="354"/>
      <c r="J18" s="354">
        <f>【手順１】!AY36</f>
        <v>0</v>
      </c>
      <c r="K18" s="354"/>
      <c r="L18" s="354">
        <f>【手順１】!BA36</f>
        <v>0</v>
      </c>
      <c r="M18" s="354"/>
      <c r="N18" s="354">
        <f>【手順１】!BC36</f>
        <v>0</v>
      </c>
      <c r="O18" s="354"/>
      <c r="P18" s="354">
        <f>【手順１】!BE36</f>
        <v>0</v>
      </c>
      <c r="Q18" s="354"/>
      <c r="R18" s="354">
        <f>【手順１】!BG36</f>
        <v>0</v>
      </c>
      <c r="S18" s="354"/>
      <c r="T18" s="354">
        <f>【手順１】!BI36</f>
        <v>0</v>
      </c>
      <c r="U18" s="354"/>
      <c r="V18" s="354">
        <f>【手順１】!BK36</f>
        <v>0</v>
      </c>
      <c r="W18" s="355"/>
      <c r="X18" s="363">
        <f>【手順１】!BM36</f>
        <v>0</v>
      </c>
      <c r="Y18" s="354"/>
      <c r="Z18" s="354">
        <f>【手順１】!BO36</f>
        <v>0</v>
      </c>
      <c r="AA18" s="354"/>
      <c r="AB18" s="354">
        <f>【手順１】!BQ36</f>
        <v>0</v>
      </c>
      <c r="AC18" s="354"/>
      <c r="AD18" s="354">
        <f>【手順１】!BS36</f>
        <v>0</v>
      </c>
      <c r="AE18" s="354"/>
      <c r="AF18" s="354">
        <f>【手順１】!BU36</f>
        <v>0</v>
      </c>
      <c r="AG18" s="354"/>
      <c r="AH18" s="354">
        <f>【手順１】!BW36</f>
        <v>0</v>
      </c>
      <c r="AI18" s="354"/>
      <c r="AJ18" s="354">
        <f>【手順１】!BY36</f>
        <v>0</v>
      </c>
      <c r="AK18" s="354"/>
      <c r="AL18" s="354">
        <f>【手順１】!CA36</f>
        <v>0</v>
      </c>
      <c r="AM18" s="354"/>
      <c r="AN18" s="354">
        <f>【手順１】!CC36</f>
        <v>0</v>
      </c>
      <c r="AO18" s="354"/>
      <c r="AP18" s="354">
        <f>【手順１】!CE36</f>
        <v>0</v>
      </c>
      <c r="AQ18" s="355"/>
    </row>
    <row r="19" spans="1:52" ht="9" customHeight="1" x14ac:dyDescent="0.55000000000000004">
      <c r="A19" s="391"/>
      <c r="B19" s="391"/>
      <c r="C19" s="250" t="str">
        <f>【手順１】!D37</f>
        <v>③選択した運動に必要な準備運動や自己が取り組む補助運動を選ぶこと</v>
      </c>
      <c r="D19" s="356">
        <f>【手順１】!AS37</f>
        <v>0</v>
      </c>
      <c r="E19" s="354"/>
      <c r="F19" s="354">
        <f>【手順１】!AU37</f>
        <v>0</v>
      </c>
      <c r="G19" s="354"/>
      <c r="H19" s="354">
        <f>【手順１】!AW37</f>
        <v>0</v>
      </c>
      <c r="I19" s="354"/>
      <c r="J19" s="354">
        <f>【手順１】!AY37</f>
        <v>0</v>
      </c>
      <c r="K19" s="354"/>
      <c r="L19" s="354">
        <f>【手順１】!BA37</f>
        <v>0</v>
      </c>
      <c r="M19" s="354"/>
      <c r="N19" s="354">
        <f>【手順１】!BC37</f>
        <v>0</v>
      </c>
      <c r="O19" s="354"/>
      <c r="P19" s="354">
        <f>【手順１】!BE37</f>
        <v>0</v>
      </c>
      <c r="Q19" s="354"/>
      <c r="R19" s="354">
        <f>【手順１】!BG37</f>
        <v>0</v>
      </c>
      <c r="S19" s="354"/>
      <c r="T19" s="354">
        <f>【手順１】!BI37</f>
        <v>0</v>
      </c>
      <c r="U19" s="354"/>
      <c r="V19" s="354">
        <f>【手順１】!BK37</f>
        <v>0</v>
      </c>
      <c r="W19" s="355"/>
      <c r="X19" s="363">
        <f>【手順１】!BM37</f>
        <v>0</v>
      </c>
      <c r="Y19" s="354"/>
      <c r="Z19" s="354">
        <f>【手順１】!BO37</f>
        <v>0</v>
      </c>
      <c r="AA19" s="354"/>
      <c r="AB19" s="354">
        <f>【手順１】!BQ37</f>
        <v>0</v>
      </c>
      <c r="AC19" s="354"/>
      <c r="AD19" s="354">
        <f>【手順１】!BS37</f>
        <v>0</v>
      </c>
      <c r="AE19" s="354"/>
      <c r="AF19" s="354">
        <f>【手順１】!BU37</f>
        <v>0</v>
      </c>
      <c r="AG19" s="354"/>
      <c r="AH19" s="354">
        <f>【手順１】!BW37</f>
        <v>0</v>
      </c>
      <c r="AI19" s="354"/>
      <c r="AJ19" s="354">
        <f>【手順１】!BY37</f>
        <v>0</v>
      </c>
      <c r="AK19" s="354"/>
      <c r="AL19" s="354">
        <f>【手順１】!CA37</f>
        <v>0</v>
      </c>
      <c r="AM19" s="354"/>
      <c r="AN19" s="354">
        <f>【手順１】!CC37</f>
        <v>0</v>
      </c>
      <c r="AO19" s="354"/>
      <c r="AP19" s="354">
        <f>【手順１】!CE37</f>
        <v>0</v>
      </c>
      <c r="AQ19" s="355"/>
    </row>
    <row r="20" spans="1:52" ht="9" customHeight="1" x14ac:dyDescent="0.55000000000000004">
      <c r="A20" s="391"/>
      <c r="B20" s="391"/>
      <c r="C20" s="248" t="str">
        <f>【手順１】!D38</f>
        <v>④健康や安全を確保するために、体調や環境に応じた適切な練習方法等について振り返ること</v>
      </c>
      <c r="D20" s="356">
        <f>【手順１】!AS38</f>
        <v>0</v>
      </c>
      <c r="E20" s="354"/>
      <c r="F20" s="354">
        <f>【手順１】!AU38</f>
        <v>0</v>
      </c>
      <c r="G20" s="354"/>
      <c r="H20" s="354">
        <f>【手順１】!AW38</f>
        <v>0</v>
      </c>
      <c r="I20" s="354"/>
      <c r="J20" s="354">
        <f>【手順１】!AY38</f>
        <v>0</v>
      </c>
      <c r="K20" s="354"/>
      <c r="L20" s="354">
        <f>【手順１】!BA38</f>
        <v>0</v>
      </c>
      <c r="M20" s="354"/>
      <c r="N20" s="354">
        <f>【手順１】!BC38</f>
        <v>0</v>
      </c>
      <c r="O20" s="354"/>
      <c r="P20" s="354">
        <f>【手順１】!BE38</f>
        <v>0</v>
      </c>
      <c r="Q20" s="354"/>
      <c r="R20" s="354">
        <f>【手順１】!BG38</f>
        <v>0</v>
      </c>
      <c r="S20" s="354"/>
      <c r="T20" s="354">
        <f>【手順１】!BI38</f>
        <v>0</v>
      </c>
      <c r="U20" s="354"/>
      <c r="V20" s="354">
        <f>【手順１】!BK38</f>
        <v>0</v>
      </c>
      <c r="W20" s="355"/>
      <c r="X20" s="363">
        <f>【手順１】!BM38</f>
        <v>0</v>
      </c>
      <c r="Y20" s="354"/>
      <c r="Z20" s="354">
        <f>【手順１】!BO38</f>
        <v>0</v>
      </c>
      <c r="AA20" s="354"/>
      <c r="AB20" s="354">
        <f>【手順１】!BQ38</f>
        <v>0</v>
      </c>
      <c r="AC20" s="354"/>
      <c r="AD20" s="354">
        <f>【手順１】!BS38</f>
        <v>0</v>
      </c>
      <c r="AE20" s="354"/>
      <c r="AF20" s="354">
        <f>【手順１】!BU38</f>
        <v>0</v>
      </c>
      <c r="AG20" s="354"/>
      <c r="AH20" s="354">
        <f>【手順１】!BW38</f>
        <v>0</v>
      </c>
      <c r="AI20" s="354"/>
      <c r="AJ20" s="354">
        <f>【手順１】!BY38</f>
        <v>0</v>
      </c>
      <c r="AK20" s="354"/>
      <c r="AL20" s="354">
        <f>【手順１】!CA38</f>
        <v>0</v>
      </c>
      <c r="AM20" s="354"/>
      <c r="AN20" s="354">
        <f>【手順１】!CC38</f>
        <v>0</v>
      </c>
      <c r="AO20" s="354"/>
      <c r="AP20" s="354">
        <f>【手順１】!CE38</f>
        <v>0</v>
      </c>
      <c r="AQ20" s="355"/>
    </row>
    <row r="21" spans="1:52" ht="24.5" customHeight="1" x14ac:dyDescent="0.55000000000000004">
      <c r="A21" s="391"/>
      <c r="B21" s="391"/>
      <c r="C21" s="250" t="str">
        <f>【手順１】!D39</f>
        <v>⑤ルールを守り競争したり勝敗を受け入れたりする場面で、よりよいマナーや行為について、自己の活動を振り返ること</v>
      </c>
      <c r="D21" s="356">
        <f>【手順１】!AS39</f>
        <v>0</v>
      </c>
      <c r="E21" s="354"/>
      <c r="F21" s="354">
        <f>【手順１】!AU39</f>
        <v>0</v>
      </c>
      <c r="G21" s="354"/>
      <c r="H21" s="354">
        <f>【手順１】!AW39</f>
        <v>0</v>
      </c>
      <c r="I21" s="354"/>
      <c r="J21" s="354">
        <f>【手順１】!AY39</f>
        <v>0</v>
      </c>
      <c r="K21" s="354"/>
      <c r="L21" s="354">
        <f>【手順１】!BA39</f>
        <v>0</v>
      </c>
      <c r="M21" s="354"/>
      <c r="N21" s="354">
        <f>【手順１】!BC39</f>
        <v>0</v>
      </c>
      <c r="O21" s="354"/>
      <c r="P21" s="354">
        <f>【手順１】!BE39</f>
        <v>0</v>
      </c>
      <c r="Q21" s="354"/>
      <c r="R21" s="354">
        <f>【手順１】!BG39</f>
        <v>0</v>
      </c>
      <c r="S21" s="354"/>
      <c r="T21" s="354">
        <f>【手順１】!BI39</f>
        <v>0</v>
      </c>
      <c r="U21" s="354"/>
      <c r="V21" s="354">
        <f>【手順１】!BK39</f>
        <v>0</v>
      </c>
      <c r="W21" s="355"/>
      <c r="X21" s="363">
        <f>【手順１】!BM39</f>
        <v>0</v>
      </c>
      <c r="Y21" s="354"/>
      <c r="Z21" s="354">
        <f>【手順１】!BO39</f>
        <v>0</v>
      </c>
      <c r="AA21" s="354"/>
      <c r="AB21" s="354">
        <f>【手順１】!BQ39</f>
        <v>0</v>
      </c>
      <c r="AC21" s="354"/>
      <c r="AD21" s="354">
        <f>【手順１】!BS39</f>
        <v>0</v>
      </c>
      <c r="AE21" s="354"/>
      <c r="AF21" s="354">
        <f>【手順１】!BU39</f>
        <v>0</v>
      </c>
      <c r="AG21" s="354"/>
      <c r="AH21" s="354">
        <f>【手順１】!BW39</f>
        <v>0</v>
      </c>
      <c r="AI21" s="354"/>
      <c r="AJ21" s="354">
        <f>【手順１】!BY39</f>
        <v>0</v>
      </c>
      <c r="AK21" s="354"/>
      <c r="AL21" s="354">
        <f>【手順１】!CA39</f>
        <v>0</v>
      </c>
      <c r="AM21" s="354"/>
      <c r="AN21" s="354">
        <f>【手順１】!CC39</f>
        <v>0</v>
      </c>
      <c r="AO21" s="354"/>
      <c r="AP21" s="354">
        <f>【手順１】!CE39</f>
        <v>0</v>
      </c>
      <c r="AQ21" s="355"/>
    </row>
    <row r="22" spans="1:52" ht="9" customHeight="1" x14ac:dyDescent="0.55000000000000004">
      <c r="A22" s="391"/>
      <c r="B22" s="391"/>
      <c r="C22" s="248" t="str">
        <f>【手順１】!D40</f>
        <v>⑥チームで分担した役割に関する成果や改善すべきポイントについて、自己の活動を振り返ること</v>
      </c>
      <c r="D22" s="356">
        <f>【手順１】!AS40</f>
        <v>0</v>
      </c>
      <c r="E22" s="354"/>
      <c r="F22" s="354">
        <f>【手順１】!AU40</f>
        <v>0</v>
      </c>
      <c r="G22" s="354"/>
      <c r="H22" s="354">
        <f>【手順１】!AW40</f>
        <v>0</v>
      </c>
      <c r="I22" s="354"/>
      <c r="J22" s="354">
        <f>【手順１】!AY40</f>
        <v>0</v>
      </c>
      <c r="K22" s="354"/>
      <c r="L22" s="354">
        <f>【手順１】!BA40</f>
        <v>0</v>
      </c>
      <c r="M22" s="354"/>
      <c r="N22" s="354">
        <f>【手順１】!BC40</f>
        <v>0</v>
      </c>
      <c r="O22" s="354"/>
      <c r="P22" s="354">
        <f>【手順１】!BE40</f>
        <v>0</v>
      </c>
      <c r="Q22" s="354"/>
      <c r="R22" s="354">
        <f>【手順１】!BG40</f>
        <v>0</v>
      </c>
      <c r="S22" s="354"/>
      <c r="T22" s="354">
        <f>【手順１】!BI40</f>
        <v>0</v>
      </c>
      <c r="U22" s="354"/>
      <c r="V22" s="354">
        <f>【手順１】!BK40</f>
        <v>0</v>
      </c>
      <c r="W22" s="355"/>
      <c r="X22" s="363">
        <f>【手順１】!BM40</f>
        <v>0</v>
      </c>
      <c r="Y22" s="354"/>
      <c r="Z22" s="354">
        <f>【手順１】!BO40</f>
        <v>0</v>
      </c>
      <c r="AA22" s="354"/>
      <c r="AB22" s="354">
        <f>【手順１】!BQ40</f>
        <v>0</v>
      </c>
      <c r="AC22" s="354"/>
      <c r="AD22" s="354">
        <f>【手順１】!BS40</f>
        <v>0</v>
      </c>
      <c r="AE22" s="354"/>
      <c r="AF22" s="354">
        <f>【手順１】!BU40</f>
        <v>0</v>
      </c>
      <c r="AG22" s="354"/>
      <c r="AH22" s="354">
        <f>【手順１】!BW40</f>
        <v>0</v>
      </c>
      <c r="AI22" s="354"/>
      <c r="AJ22" s="354">
        <f>【手順１】!BY40</f>
        <v>0</v>
      </c>
      <c r="AK22" s="354"/>
      <c r="AL22" s="354">
        <f>【手順１】!CA40</f>
        <v>0</v>
      </c>
      <c r="AM22" s="354"/>
      <c r="AN22" s="354">
        <f>【手順１】!CC40</f>
        <v>0</v>
      </c>
      <c r="AO22" s="354"/>
      <c r="AP22" s="354">
        <f>【手順１】!CE40</f>
        <v>0</v>
      </c>
      <c r="AQ22" s="355"/>
    </row>
    <row r="23" spans="1:52" ht="9" customHeight="1" x14ac:dyDescent="0.55000000000000004">
      <c r="A23" s="391"/>
      <c r="B23" s="391"/>
      <c r="C23" s="246" t="str">
        <f>【手順１】!D41</f>
        <v>⑦作戦などの話合いの場面で、合意形成するための関わり方を見付け、仲間に伝えること</v>
      </c>
      <c r="D23" s="356">
        <f>【手順１】!AS41</f>
        <v>0</v>
      </c>
      <c r="E23" s="354"/>
      <c r="F23" s="354">
        <f>【手順１】!AU41</f>
        <v>0</v>
      </c>
      <c r="G23" s="354"/>
      <c r="H23" s="354">
        <f>【手順１】!AW41</f>
        <v>0</v>
      </c>
      <c r="I23" s="354"/>
      <c r="J23" s="354">
        <f>【手順１】!AY41</f>
        <v>0</v>
      </c>
      <c r="K23" s="354"/>
      <c r="L23" s="354">
        <f>【手順１】!BA41</f>
        <v>0</v>
      </c>
      <c r="M23" s="354"/>
      <c r="N23" s="354">
        <f>【手順１】!BC41</f>
        <v>0</v>
      </c>
      <c r="O23" s="354"/>
      <c r="P23" s="354">
        <f>【手順１】!BE41</f>
        <v>0</v>
      </c>
      <c r="Q23" s="354"/>
      <c r="R23" s="354">
        <f>【手順１】!BG41</f>
        <v>0</v>
      </c>
      <c r="S23" s="354"/>
      <c r="T23" s="354">
        <f>【手順１】!BI41</f>
        <v>0</v>
      </c>
      <c r="U23" s="354"/>
      <c r="V23" s="354">
        <f>【手順１】!BK41</f>
        <v>0</v>
      </c>
      <c r="W23" s="355"/>
      <c r="X23" s="363">
        <f>【手順１】!BM41</f>
        <v>0</v>
      </c>
      <c r="Y23" s="354"/>
      <c r="Z23" s="354">
        <f>【手順１】!BO41</f>
        <v>0</v>
      </c>
      <c r="AA23" s="354"/>
      <c r="AB23" s="354">
        <f>【手順１】!BQ41</f>
        <v>0</v>
      </c>
      <c r="AC23" s="354"/>
      <c r="AD23" s="354">
        <f>【手順１】!BS41</f>
        <v>0</v>
      </c>
      <c r="AE23" s="354"/>
      <c r="AF23" s="354">
        <f>【手順１】!BU41</f>
        <v>0</v>
      </c>
      <c r="AG23" s="354"/>
      <c r="AH23" s="354">
        <f>【手順１】!BW41</f>
        <v>0</v>
      </c>
      <c r="AI23" s="354"/>
      <c r="AJ23" s="354">
        <f>【手順１】!BY41</f>
        <v>0</v>
      </c>
      <c r="AK23" s="354"/>
      <c r="AL23" s="354">
        <f>【手順１】!CA41</f>
        <v>0</v>
      </c>
      <c r="AM23" s="354"/>
      <c r="AN23" s="354">
        <f>【手順１】!CC41</f>
        <v>0</v>
      </c>
      <c r="AO23" s="354"/>
      <c r="AP23" s="354">
        <f>【手順１】!CE41</f>
        <v>0</v>
      </c>
      <c r="AQ23" s="355"/>
    </row>
    <row r="24" spans="1:52" ht="24.5" customHeight="1" x14ac:dyDescent="0.55000000000000004">
      <c r="A24" s="391"/>
      <c r="B24" s="391"/>
      <c r="C24" s="250" t="str">
        <f>【手順１】!D42</f>
        <v>⑧体力や技能の程度、性別等の違いに配慮して、仲間とともに球技を楽しむための活動の方法や修正の仕方を見付けること</v>
      </c>
      <c r="D24" s="356">
        <f>【手順１】!AS42</f>
        <v>0</v>
      </c>
      <c r="E24" s="354"/>
      <c r="F24" s="354">
        <f>【手順１】!AU42</f>
        <v>0</v>
      </c>
      <c r="G24" s="354"/>
      <c r="H24" s="354">
        <f>【手順１】!AW42</f>
        <v>0</v>
      </c>
      <c r="I24" s="354"/>
      <c r="J24" s="354">
        <f>【手順１】!AY42</f>
        <v>0</v>
      </c>
      <c r="K24" s="354"/>
      <c r="L24" s="354">
        <f>【手順１】!BA42</f>
        <v>0</v>
      </c>
      <c r="M24" s="354"/>
      <c r="N24" s="354">
        <f>【手順１】!BC42</f>
        <v>0</v>
      </c>
      <c r="O24" s="354"/>
      <c r="P24" s="354">
        <f>【手順１】!BE42</f>
        <v>0</v>
      </c>
      <c r="Q24" s="354"/>
      <c r="R24" s="354">
        <f>【手順１】!BG42</f>
        <v>0</v>
      </c>
      <c r="S24" s="354"/>
      <c r="T24" s="354">
        <f>【手順１】!BI42</f>
        <v>0</v>
      </c>
      <c r="U24" s="354"/>
      <c r="V24" s="354">
        <f>【手順１】!BK42</f>
        <v>0</v>
      </c>
      <c r="W24" s="355"/>
      <c r="X24" s="363">
        <f>【手順１】!BM42</f>
        <v>0</v>
      </c>
      <c r="Y24" s="354"/>
      <c r="Z24" s="354">
        <f>【手順１】!BO42</f>
        <v>0</v>
      </c>
      <c r="AA24" s="354"/>
      <c r="AB24" s="354">
        <f>【手順１】!BQ42</f>
        <v>0</v>
      </c>
      <c r="AC24" s="354"/>
      <c r="AD24" s="354">
        <f>【手順１】!BS42</f>
        <v>0</v>
      </c>
      <c r="AE24" s="354"/>
      <c r="AF24" s="354">
        <f>【手順１】!BU42</f>
        <v>0</v>
      </c>
      <c r="AG24" s="354"/>
      <c r="AH24" s="354">
        <f>【手順１】!BW42</f>
        <v>0</v>
      </c>
      <c r="AI24" s="354"/>
      <c r="AJ24" s="354">
        <f>【手順１】!BY42</f>
        <v>0</v>
      </c>
      <c r="AK24" s="354"/>
      <c r="AL24" s="354">
        <f>【手順１】!CA42</f>
        <v>0</v>
      </c>
      <c r="AM24" s="354"/>
      <c r="AN24" s="354">
        <f>【手順１】!CC42</f>
        <v>0</v>
      </c>
      <c r="AO24" s="354"/>
      <c r="AP24" s="354">
        <f>【手順１】!CE42</f>
        <v>0</v>
      </c>
      <c r="AQ24" s="355"/>
    </row>
    <row r="25" spans="1:52" ht="26" customHeight="1" x14ac:dyDescent="0.55000000000000004">
      <c r="A25" s="391"/>
      <c r="B25" s="392"/>
      <c r="C25" s="250" t="str">
        <f>【手順１】!D43</f>
        <v>⑨球技の学習成果を踏まえて、自己に適した「する、みる、支える、知る」などの運動を継続して楽しむための関わり方を見付けること</v>
      </c>
      <c r="D25" s="373">
        <f>【手順１】!AS43</f>
        <v>0</v>
      </c>
      <c r="E25" s="360"/>
      <c r="F25" s="360">
        <f>【手順１】!AU43</f>
        <v>0</v>
      </c>
      <c r="G25" s="360"/>
      <c r="H25" s="360">
        <f>【手順１】!AW43</f>
        <v>0</v>
      </c>
      <c r="I25" s="360"/>
      <c r="J25" s="360">
        <f>【手順１】!AY43</f>
        <v>0</v>
      </c>
      <c r="K25" s="360"/>
      <c r="L25" s="360">
        <f>【手順１】!BA43</f>
        <v>0</v>
      </c>
      <c r="M25" s="360"/>
      <c r="N25" s="360">
        <f>【手順１】!BC43</f>
        <v>0</v>
      </c>
      <c r="O25" s="360"/>
      <c r="P25" s="360">
        <f>【手順１】!BE43</f>
        <v>0</v>
      </c>
      <c r="Q25" s="360"/>
      <c r="R25" s="360">
        <f>【手順１】!BG43</f>
        <v>0</v>
      </c>
      <c r="S25" s="360"/>
      <c r="T25" s="360">
        <f>【手順１】!BI43</f>
        <v>0</v>
      </c>
      <c r="U25" s="360"/>
      <c r="V25" s="360">
        <f>【手順１】!BK43</f>
        <v>0</v>
      </c>
      <c r="W25" s="361"/>
      <c r="X25" s="362">
        <f>【手順１】!BM43</f>
        <v>0</v>
      </c>
      <c r="Y25" s="360"/>
      <c r="Z25" s="360">
        <f>【手順１】!BO43</f>
        <v>0</v>
      </c>
      <c r="AA25" s="360"/>
      <c r="AB25" s="360">
        <f>【手順１】!BQ43</f>
        <v>0</v>
      </c>
      <c r="AC25" s="360"/>
      <c r="AD25" s="360">
        <f>【手順１】!BS43</f>
        <v>0</v>
      </c>
      <c r="AE25" s="360"/>
      <c r="AF25" s="360">
        <f>【手順１】!BU43</f>
        <v>0</v>
      </c>
      <c r="AG25" s="360"/>
      <c r="AH25" s="360">
        <f>【手順１】!BW43</f>
        <v>0</v>
      </c>
      <c r="AI25" s="360"/>
      <c r="AJ25" s="360">
        <f>【手順１】!BY43</f>
        <v>0</v>
      </c>
      <c r="AK25" s="360"/>
      <c r="AL25" s="360">
        <f>【手順１】!CA43</f>
        <v>0</v>
      </c>
      <c r="AM25" s="360"/>
      <c r="AN25" s="360">
        <f>【手順１】!CC43</f>
        <v>0</v>
      </c>
      <c r="AO25" s="360"/>
      <c r="AP25" s="360">
        <f>【手順１】!CE43</f>
        <v>0</v>
      </c>
      <c r="AQ25" s="361"/>
    </row>
    <row r="26" spans="1:52" ht="9" customHeight="1" x14ac:dyDescent="0.55000000000000004">
      <c r="A26" s="391"/>
      <c r="B26" s="394" t="s">
        <v>337</v>
      </c>
      <c r="C26" s="249" t="str">
        <f>【手順１】!D44</f>
        <v>①球技の学習に自主的に取り組もうとすること</v>
      </c>
      <c r="D26" s="359">
        <f>【手順１】!AS44</f>
        <v>0</v>
      </c>
      <c r="E26" s="357"/>
      <c r="F26" s="357">
        <f>【手順１】!AU44</f>
        <v>0</v>
      </c>
      <c r="G26" s="357"/>
      <c r="H26" s="357">
        <f>【手順１】!AW44</f>
        <v>0</v>
      </c>
      <c r="I26" s="357"/>
      <c r="J26" s="357">
        <f>【手順１】!AY44</f>
        <v>0</v>
      </c>
      <c r="K26" s="357"/>
      <c r="L26" s="357">
        <f>【手順１】!BA44</f>
        <v>0</v>
      </c>
      <c r="M26" s="357"/>
      <c r="N26" s="357">
        <f>【手順１】!BC44</f>
        <v>0</v>
      </c>
      <c r="O26" s="357"/>
      <c r="P26" s="357">
        <f>【手順１】!BE44</f>
        <v>0</v>
      </c>
      <c r="Q26" s="357"/>
      <c r="R26" s="357">
        <f>【手順１】!BG44</f>
        <v>0</v>
      </c>
      <c r="S26" s="357"/>
      <c r="T26" s="357">
        <f>【手順１】!BI44</f>
        <v>0</v>
      </c>
      <c r="U26" s="357"/>
      <c r="V26" s="357">
        <f>【手順１】!BK44</f>
        <v>0</v>
      </c>
      <c r="W26" s="358"/>
      <c r="X26" s="366">
        <f>【手順１】!BM44</f>
        <v>0</v>
      </c>
      <c r="Y26" s="364"/>
      <c r="Z26" s="364">
        <f>【手順１】!BO44</f>
        <v>0</v>
      </c>
      <c r="AA26" s="364"/>
      <c r="AB26" s="364">
        <f>【手順１】!BQ44</f>
        <v>0</v>
      </c>
      <c r="AC26" s="364"/>
      <c r="AD26" s="364">
        <f>【手順１】!BS44</f>
        <v>0</v>
      </c>
      <c r="AE26" s="364"/>
      <c r="AF26" s="364">
        <f>【手順１】!BU44</f>
        <v>0</v>
      </c>
      <c r="AG26" s="364"/>
      <c r="AH26" s="364">
        <f>【手順１】!BW44</f>
        <v>0</v>
      </c>
      <c r="AI26" s="364"/>
      <c r="AJ26" s="364">
        <f>【手順１】!BY44</f>
        <v>0</v>
      </c>
      <c r="AK26" s="364"/>
      <c r="AL26" s="364">
        <f>【手順１】!CA44</f>
        <v>0</v>
      </c>
      <c r="AM26" s="364"/>
      <c r="AN26" s="364">
        <f>【手順１】!CC44</f>
        <v>0</v>
      </c>
      <c r="AO26" s="364"/>
      <c r="AP26" s="364">
        <f>【手順１】!CE44</f>
        <v>0</v>
      </c>
      <c r="AQ26" s="365"/>
    </row>
    <row r="27" spans="1:52" ht="9" customHeight="1" x14ac:dyDescent="0.55000000000000004">
      <c r="A27" s="391"/>
      <c r="B27" s="395"/>
      <c r="C27" s="248" t="str">
        <f>【手順１】!D45</f>
        <v>②相手を尊重するなどのフェアなプレイを大切にしようとすること</v>
      </c>
      <c r="D27" s="356">
        <f>【手順１】!AS45</f>
        <v>0</v>
      </c>
      <c r="E27" s="354"/>
      <c r="F27" s="354">
        <f>【手順１】!AU45</f>
        <v>0</v>
      </c>
      <c r="G27" s="354"/>
      <c r="H27" s="354">
        <f>【手順１】!AW45</f>
        <v>0</v>
      </c>
      <c r="I27" s="354"/>
      <c r="J27" s="354">
        <f>【手順１】!AY45</f>
        <v>0</v>
      </c>
      <c r="K27" s="354"/>
      <c r="L27" s="354">
        <f>【手順１】!BA45</f>
        <v>0</v>
      </c>
      <c r="M27" s="354"/>
      <c r="N27" s="354">
        <f>【手順１】!BC45</f>
        <v>0</v>
      </c>
      <c r="O27" s="354"/>
      <c r="P27" s="354">
        <f>【手順１】!BE45</f>
        <v>0</v>
      </c>
      <c r="Q27" s="354"/>
      <c r="R27" s="354">
        <f>【手順１】!BG45</f>
        <v>0</v>
      </c>
      <c r="S27" s="354"/>
      <c r="T27" s="354">
        <f>【手順１】!BI45</f>
        <v>0</v>
      </c>
      <c r="U27" s="354"/>
      <c r="V27" s="354">
        <f>【手順１】!BK45</f>
        <v>0</v>
      </c>
      <c r="W27" s="355"/>
      <c r="X27" s="363">
        <f>【手順１】!BM45</f>
        <v>0</v>
      </c>
      <c r="Y27" s="354"/>
      <c r="Z27" s="354">
        <f>【手順１】!BO45</f>
        <v>0</v>
      </c>
      <c r="AA27" s="354"/>
      <c r="AB27" s="354">
        <f>【手順１】!BQ45</f>
        <v>0</v>
      </c>
      <c r="AC27" s="354"/>
      <c r="AD27" s="354">
        <f>【手順１】!BS45</f>
        <v>0</v>
      </c>
      <c r="AE27" s="354"/>
      <c r="AF27" s="354">
        <f>【手順１】!BU45</f>
        <v>0</v>
      </c>
      <c r="AG27" s="354"/>
      <c r="AH27" s="354">
        <f>【手順１】!BW45</f>
        <v>0</v>
      </c>
      <c r="AI27" s="354"/>
      <c r="AJ27" s="354">
        <f>【手順１】!BY45</f>
        <v>0</v>
      </c>
      <c r="AK27" s="354"/>
      <c r="AL27" s="354">
        <f>【手順１】!CA45</f>
        <v>0</v>
      </c>
      <c r="AM27" s="354"/>
      <c r="AN27" s="354">
        <f>【手順１】!CC45</f>
        <v>0</v>
      </c>
      <c r="AO27" s="354"/>
      <c r="AP27" s="354">
        <f>【手順１】!CE45</f>
        <v>0</v>
      </c>
      <c r="AQ27" s="355"/>
    </row>
    <row r="28" spans="1:52" ht="9" customHeight="1" x14ac:dyDescent="0.55000000000000004">
      <c r="A28" s="391"/>
      <c r="B28" s="395"/>
      <c r="C28" s="250" t="str">
        <f>【手順１】!D46</f>
        <v>③作戦などについての話合いに貢献しようとすること</v>
      </c>
      <c r="D28" s="356">
        <f>【手順１】!AS46</f>
        <v>0</v>
      </c>
      <c r="E28" s="354"/>
      <c r="F28" s="354">
        <f>【手順１】!AU46</f>
        <v>0</v>
      </c>
      <c r="G28" s="354"/>
      <c r="H28" s="354">
        <f>【手順１】!AW46</f>
        <v>0</v>
      </c>
      <c r="I28" s="354"/>
      <c r="J28" s="354">
        <f>【手順１】!AY46</f>
        <v>0</v>
      </c>
      <c r="K28" s="354"/>
      <c r="L28" s="354">
        <f>【手順１】!BA46</f>
        <v>0</v>
      </c>
      <c r="M28" s="354"/>
      <c r="N28" s="354">
        <f>【手順１】!BC46</f>
        <v>0</v>
      </c>
      <c r="O28" s="354"/>
      <c r="P28" s="354">
        <f>【手順１】!BE46</f>
        <v>0</v>
      </c>
      <c r="Q28" s="354"/>
      <c r="R28" s="354">
        <f>【手順１】!BG46</f>
        <v>0</v>
      </c>
      <c r="S28" s="354"/>
      <c r="T28" s="354">
        <f>【手順１】!BI46</f>
        <v>0</v>
      </c>
      <c r="U28" s="354"/>
      <c r="V28" s="354">
        <f>【手順１】!BK46</f>
        <v>0</v>
      </c>
      <c r="W28" s="355"/>
      <c r="X28" s="363">
        <f>【手順１】!BM46</f>
        <v>0</v>
      </c>
      <c r="Y28" s="354"/>
      <c r="Z28" s="354">
        <f>【手順１】!BO46</f>
        <v>0</v>
      </c>
      <c r="AA28" s="354"/>
      <c r="AB28" s="354">
        <f>【手順１】!BQ46</f>
        <v>0</v>
      </c>
      <c r="AC28" s="354"/>
      <c r="AD28" s="354">
        <f>【手順１】!BS46</f>
        <v>0</v>
      </c>
      <c r="AE28" s="354"/>
      <c r="AF28" s="354">
        <f>【手順１】!BU46</f>
        <v>0</v>
      </c>
      <c r="AG28" s="354"/>
      <c r="AH28" s="354">
        <f>【手順１】!BW46</f>
        <v>0</v>
      </c>
      <c r="AI28" s="354"/>
      <c r="AJ28" s="354">
        <f>【手順１】!BY46</f>
        <v>0</v>
      </c>
      <c r="AK28" s="354"/>
      <c r="AL28" s="354">
        <f>【手順１】!CA46</f>
        <v>0</v>
      </c>
      <c r="AM28" s="354"/>
      <c r="AN28" s="354">
        <f>【手順１】!CC46</f>
        <v>0</v>
      </c>
      <c r="AO28" s="354"/>
      <c r="AP28" s="354">
        <f>【手順１】!CE46</f>
        <v>0</v>
      </c>
      <c r="AQ28" s="355"/>
    </row>
    <row r="29" spans="1:52" ht="9" customHeight="1" x14ac:dyDescent="0.55000000000000004">
      <c r="A29" s="391"/>
      <c r="B29" s="395"/>
      <c r="C29" s="250" t="str">
        <f>【手順１】!D47</f>
        <v>④一人一人の違いに応じた課題や挑戦及び修正などを大切にしようとすること</v>
      </c>
      <c r="D29" s="356">
        <f>【手順１】!AS47</f>
        <v>0</v>
      </c>
      <c r="E29" s="354"/>
      <c r="F29" s="354">
        <f>【手順１】!AU47</f>
        <v>0</v>
      </c>
      <c r="G29" s="354"/>
      <c r="H29" s="354">
        <f>【手順１】!AW47</f>
        <v>0</v>
      </c>
      <c r="I29" s="354"/>
      <c r="J29" s="354">
        <f>【手順１】!AY47</f>
        <v>0</v>
      </c>
      <c r="K29" s="354"/>
      <c r="L29" s="354">
        <f>【手順１】!BA47</f>
        <v>0</v>
      </c>
      <c r="M29" s="354"/>
      <c r="N29" s="354">
        <f>【手順１】!BC47</f>
        <v>0</v>
      </c>
      <c r="O29" s="354"/>
      <c r="P29" s="354">
        <f>【手順１】!BE47</f>
        <v>0</v>
      </c>
      <c r="Q29" s="354"/>
      <c r="R29" s="354">
        <f>【手順１】!BG47</f>
        <v>0</v>
      </c>
      <c r="S29" s="354"/>
      <c r="T29" s="354">
        <f>【手順１】!BI47</f>
        <v>0</v>
      </c>
      <c r="U29" s="354"/>
      <c r="V29" s="354">
        <f>【手順１】!BK47</f>
        <v>0</v>
      </c>
      <c r="W29" s="355"/>
      <c r="X29" s="363">
        <f>【手順１】!BM47</f>
        <v>0</v>
      </c>
      <c r="Y29" s="354"/>
      <c r="Z29" s="354">
        <f>【手順１】!BO47</f>
        <v>0</v>
      </c>
      <c r="AA29" s="354"/>
      <c r="AB29" s="354">
        <f>【手順１】!BQ47</f>
        <v>0</v>
      </c>
      <c r="AC29" s="354"/>
      <c r="AD29" s="354">
        <f>【手順１】!BS47</f>
        <v>0</v>
      </c>
      <c r="AE29" s="354"/>
      <c r="AF29" s="354">
        <f>【手順１】!BU47</f>
        <v>0</v>
      </c>
      <c r="AG29" s="354"/>
      <c r="AH29" s="354">
        <f>【手順１】!BW47</f>
        <v>0</v>
      </c>
      <c r="AI29" s="354"/>
      <c r="AJ29" s="354">
        <f>【手順１】!BY47</f>
        <v>0</v>
      </c>
      <c r="AK29" s="354"/>
      <c r="AL29" s="354">
        <f>【手順１】!CA47</f>
        <v>0</v>
      </c>
      <c r="AM29" s="354"/>
      <c r="AN29" s="354">
        <f>【手順１】!CC47</f>
        <v>0</v>
      </c>
      <c r="AO29" s="354"/>
      <c r="AP29" s="354">
        <f>【手順１】!CE47</f>
        <v>0</v>
      </c>
      <c r="AQ29" s="355"/>
    </row>
    <row r="30" spans="1:52" ht="9" customHeight="1" x14ac:dyDescent="0.55000000000000004">
      <c r="A30" s="391"/>
      <c r="B30" s="395"/>
      <c r="C30" s="248" t="str">
        <f>【手順１】!D48</f>
        <v>⑤互いに練習相手になったり仲間に助言したりして、互いに助け合い教え合おうとすること</v>
      </c>
      <c r="D30" s="356">
        <f>【手順１】!AS48</f>
        <v>0</v>
      </c>
      <c r="E30" s="354"/>
      <c r="F30" s="354">
        <f>【手順１】!AU48</f>
        <v>0</v>
      </c>
      <c r="G30" s="354"/>
      <c r="H30" s="354">
        <f>【手順１】!AW48</f>
        <v>0</v>
      </c>
      <c r="I30" s="354"/>
      <c r="J30" s="354">
        <f>【手順１】!AY48</f>
        <v>0</v>
      </c>
      <c r="K30" s="354"/>
      <c r="L30" s="354">
        <f>【手順１】!BA48</f>
        <v>0</v>
      </c>
      <c r="M30" s="354"/>
      <c r="N30" s="354">
        <f>【手順１】!BC48</f>
        <v>0</v>
      </c>
      <c r="O30" s="354"/>
      <c r="P30" s="354">
        <f>【手順１】!BE48</f>
        <v>0</v>
      </c>
      <c r="Q30" s="354"/>
      <c r="R30" s="354">
        <f>【手順１】!BG48</f>
        <v>0</v>
      </c>
      <c r="S30" s="354"/>
      <c r="T30" s="354">
        <f>【手順１】!BI48</f>
        <v>0</v>
      </c>
      <c r="U30" s="354"/>
      <c r="V30" s="354">
        <f>【手順１】!BK48</f>
        <v>0</v>
      </c>
      <c r="W30" s="355"/>
      <c r="X30" s="363">
        <f>【手順１】!BM48</f>
        <v>0</v>
      </c>
      <c r="Y30" s="354"/>
      <c r="Z30" s="354">
        <f>【手順１】!BO48</f>
        <v>0</v>
      </c>
      <c r="AA30" s="354"/>
      <c r="AB30" s="354">
        <f>【手順１】!BQ48</f>
        <v>0</v>
      </c>
      <c r="AC30" s="354"/>
      <c r="AD30" s="354">
        <f>【手順１】!BS48</f>
        <v>0</v>
      </c>
      <c r="AE30" s="354"/>
      <c r="AF30" s="354">
        <f>【手順１】!BU48</f>
        <v>0</v>
      </c>
      <c r="AG30" s="354"/>
      <c r="AH30" s="354">
        <f>【手順１】!BW48</f>
        <v>0</v>
      </c>
      <c r="AI30" s="354"/>
      <c r="AJ30" s="354">
        <f>【手順１】!BY48</f>
        <v>0</v>
      </c>
      <c r="AK30" s="354"/>
      <c r="AL30" s="354">
        <f>【手順１】!CA48</f>
        <v>0</v>
      </c>
      <c r="AM30" s="354"/>
      <c r="AN30" s="354">
        <f>【手順１】!CC48</f>
        <v>0</v>
      </c>
      <c r="AO30" s="354"/>
      <c r="AP30" s="354">
        <f>【手順１】!CE48</f>
        <v>0</v>
      </c>
      <c r="AQ30" s="355"/>
    </row>
    <row r="31" spans="1:52" ht="9" customHeight="1" thickBot="1" x14ac:dyDescent="0.6">
      <c r="A31" s="392"/>
      <c r="B31" s="396"/>
      <c r="C31" s="247" t="str">
        <f>【手順１】!D49</f>
        <v>⑥健康・安全を確保すること</v>
      </c>
      <c r="D31" s="353">
        <f>【手順１】!AS49</f>
        <v>0</v>
      </c>
      <c r="E31" s="351"/>
      <c r="F31" s="351">
        <f>【手順１】!AU49</f>
        <v>0</v>
      </c>
      <c r="G31" s="351"/>
      <c r="H31" s="351">
        <f>【手順１】!AW49</f>
        <v>0</v>
      </c>
      <c r="I31" s="351"/>
      <c r="J31" s="351">
        <f>【手順１】!AY49</f>
        <v>0</v>
      </c>
      <c r="K31" s="351"/>
      <c r="L31" s="351">
        <f>【手順１】!BA49</f>
        <v>0</v>
      </c>
      <c r="M31" s="351"/>
      <c r="N31" s="351">
        <f>【手順１】!BC49</f>
        <v>0</v>
      </c>
      <c r="O31" s="351"/>
      <c r="P31" s="351">
        <f>【手順１】!BE49</f>
        <v>0</v>
      </c>
      <c r="Q31" s="351"/>
      <c r="R31" s="351">
        <f>【手順１】!BG49</f>
        <v>0</v>
      </c>
      <c r="S31" s="351"/>
      <c r="T31" s="351">
        <f>【手順１】!BI49</f>
        <v>0</v>
      </c>
      <c r="U31" s="351"/>
      <c r="V31" s="351">
        <f>【手順１】!BK49</f>
        <v>0</v>
      </c>
      <c r="W31" s="352"/>
      <c r="X31" s="404">
        <f>【手順１】!BM49</f>
        <v>0</v>
      </c>
      <c r="Y31" s="351"/>
      <c r="Z31" s="351">
        <f>【手順１】!BO49</f>
        <v>0</v>
      </c>
      <c r="AA31" s="351"/>
      <c r="AB31" s="351">
        <f>【手順１】!BQ49</f>
        <v>0</v>
      </c>
      <c r="AC31" s="351"/>
      <c r="AD31" s="351">
        <f>【手順１】!BS49</f>
        <v>0</v>
      </c>
      <c r="AE31" s="351"/>
      <c r="AF31" s="351">
        <f>【手順１】!BU49</f>
        <v>0</v>
      </c>
      <c r="AG31" s="351"/>
      <c r="AH31" s="351">
        <f>【手順１】!BW49</f>
        <v>0</v>
      </c>
      <c r="AI31" s="351"/>
      <c r="AJ31" s="351">
        <f>【手順１】!BY49</f>
        <v>0</v>
      </c>
      <c r="AK31" s="351"/>
      <c r="AL31" s="351">
        <f>【手順１】!CA49</f>
        <v>0</v>
      </c>
      <c r="AM31" s="351"/>
      <c r="AN31" s="351">
        <f>【手順１】!CC49</f>
        <v>0</v>
      </c>
      <c r="AO31" s="351"/>
      <c r="AP31" s="367">
        <f>【手順１】!CE49</f>
        <v>0</v>
      </c>
      <c r="AQ31" s="368"/>
    </row>
    <row r="32" spans="1:52" ht="23.5" customHeight="1" thickTop="1" x14ac:dyDescent="0.55000000000000004">
      <c r="A32" s="390" t="s">
        <v>4</v>
      </c>
      <c r="B32" s="397" t="s">
        <v>1</v>
      </c>
      <c r="C32" s="398"/>
      <c r="D32" s="348"/>
      <c r="E32" s="346"/>
      <c r="F32" s="346"/>
      <c r="G32" s="346"/>
      <c r="H32" s="346"/>
      <c r="I32" s="346"/>
      <c r="J32" s="346"/>
      <c r="K32" s="346"/>
      <c r="L32" s="346"/>
      <c r="M32" s="346"/>
      <c r="N32" s="346"/>
      <c r="O32" s="346"/>
      <c r="P32" s="346"/>
      <c r="Q32" s="346"/>
      <c r="R32" s="346"/>
      <c r="S32" s="346"/>
      <c r="T32" s="346"/>
      <c r="U32" s="346"/>
      <c r="V32" s="346"/>
      <c r="W32" s="347"/>
      <c r="X32" s="348"/>
      <c r="Y32" s="346"/>
      <c r="Z32" s="346"/>
      <c r="AA32" s="346"/>
      <c r="AB32" s="346"/>
      <c r="AC32" s="346"/>
      <c r="AD32" s="346"/>
      <c r="AE32" s="346"/>
      <c r="AF32" s="346"/>
      <c r="AG32" s="346"/>
      <c r="AH32" s="346"/>
      <c r="AI32" s="346"/>
      <c r="AJ32" s="346"/>
      <c r="AK32" s="346"/>
      <c r="AL32" s="346"/>
      <c r="AM32" s="346"/>
      <c r="AN32" s="346"/>
      <c r="AO32" s="346"/>
      <c r="AP32" s="405"/>
      <c r="AQ32" s="406"/>
      <c r="AR32" s="205"/>
      <c r="AS32" s="205"/>
      <c r="AT32" s="205"/>
      <c r="AU32" s="205"/>
      <c r="AV32" s="205"/>
      <c r="AW32" s="205"/>
      <c r="AX32" s="205"/>
      <c r="AY32" s="205"/>
      <c r="AZ32" s="205"/>
    </row>
    <row r="33" spans="1:52" ht="23.5" customHeight="1" x14ac:dyDescent="0.55000000000000004">
      <c r="A33" s="391"/>
      <c r="B33" s="397" t="s">
        <v>0</v>
      </c>
      <c r="C33" s="398"/>
      <c r="D33" s="229"/>
      <c r="E33" s="228"/>
      <c r="F33" s="228"/>
      <c r="G33" s="228"/>
      <c r="H33" s="228"/>
      <c r="I33" s="228"/>
      <c r="J33" s="228"/>
      <c r="K33" s="228"/>
      <c r="L33" s="228"/>
      <c r="M33" s="228"/>
      <c r="N33" s="228"/>
      <c r="O33" s="228"/>
      <c r="P33" s="228"/>
      <c r="Q33" s="228"/>
      <c r="R33" s="228"/>
      <c r="S33" s="228"/>
      <c r="T33" s="228"/>
      <c r="U33" s="228"/>
      <c r="V33" s="228"/>
      <c r="W33" s="230"/>
      <c r="X33" s="229"/>
      <c r="Y33" s="228"/>
      <c r="Z33" s="228"/>
      <c r="AA33" s="228"/>
      <c r="AB33" s="228"/>
      <c r="AC33" s="228"/>
      <c r="AD33" s="228"/>
      <c r="AE33" s="228"/>
      <c r="AF33" s="228"/>
      <c r="AG33" s="228"/>
      <c r="AH33" s="228"/>
      <c r="AI33" s="228"/>
      <c r="AJ33" s="228"/>
      <c r="AK33" s="228"/>
      <c r="AL33" s="228"/>
      <c r="AM33" s="228"/>
      <c r="AN33" s="228"/>
      <c r="AO33" s="228"/>
      <c r="AP33" s="228"/>
      <c r="AQ33" s="230"/>
      <c r="AR33" s="205"/>
      <c r="AS33" s="205"/>
      <c r="AT33" s="205"/>
      <c r="AU33" s="205"/>
      <c r="AV33" s="205"/>
      <c r="AW33" s="205"/>
      <c r="AX33" s="205"/>
      <c r="AY33" s="205"/>
      <c r="AZ33" s="205"/>
    </row>
    <row r="34" spans="1:52" ht="23.5" customHeight="1" x14ac:dyDescent="0.55000000000000004">
      <c r="A34" s="391"/>
      <c r="B34" s="397" t="s">
        <v>77</v>
      </c>
      <c r="C34" s="398"/>
      <c r="D34" s="345"/>
      <c r="E34" s="343"/>
      <c r="F34" s="343"/>
      <c r="G34" s="343"/>
      <c r="H34" s="343"/>
      <c r="I34" s="343"/>
      <c r="J34" s="343"/>
      <c r="K34" s="343"/>
      <c r="L34" s="343"/>
      <c r="M34" s="343"/>
      <c r="N34" s="343"/>
      <c r="O34" s="343"/>
      <c r="P34" s="343"/>
      <c r="Q34" s="343"/>
      <c r="R34" s="343"/>
      <c r="S34" s="343"/>
      <c r="T34" s="343"/>
      <c r="U34" s="343"/>
      <c r="V34" s="343"/>
      <c r="W34" s="344"/>
      <c r="X34" s="345"/>
      <c r="Y34" s="343"/>
      <c r="Z34" s="343"/>
      <c r="AA34" s="343"/>
      <c r="AB34" s="343"/>
      <c r="AC34" s="343"/>
      <c r="AD34" s="343"/>
      <c r="AE34" s="343"/>
      <c r="AF34" s="343"/>
      <c r="AG34" s="343"/>
      <c r="AH34" s="343"/>
      <c r="AI34" s="343"/>
      <c r="AJ34" s="343"/>
      <c r="AK34" s="343"/>
      <c r="AL34" s="343"/>
      <c r="AM34" s="343"/>
      <c r="AN34" s="343"/>
      <c r="AO34" s="343"/>
      <c r="AP34" s="343"/>
      <c r="AQ34" s="344"/>
      <c r="AR34" s="205"/>
      <c r="AS34" s="205"/>
      <c r="AT34" s="205"/>
      <c r="AU34" s="205"/>
      <c r="AV34" s="205"/>
      <c r="AW34" s="205"/>
      <c r="AX34" s="205"/>
      <c r="AY34" s="205"/>
      <c r="AZ34" s="205"/>
    </row>
    <row r="35" spans="1:52" ht="23.5" customHeight="1" thickBot="1" x14ac:dyDescent="0.6">
      <c r="A35" s="392"/>
      <c r="B35" s="397" t="s">
        <v>78</v>
      </c>
      <c r="C35" s="398"/>
      <c r="D35" s="350"/>
      <c r="E35" s="349"/>
      <c r="F35" s="349"/>
      <c r="G35" s="349"/>
      <c r="H35" s="349"/>
      <c r="I35" s="349"/>
      <c r="J35" s="349"/>
      <c r="K35" s="349"/>
      <c r="L35" s="349"/>
      <c r="M35" s="349"/>
      <c r="N35" s="349"/>
      <c r="O35" s="349"/>
      <c r="P35" s="340"/>
      <c r="Q35" s="340"/>
      <c r="R35" s="340"/>
      <c r="S35" s="340"/>
      <c r="T35" s="340"/>
      <c r="U35" s="340"/>
      <c r="V35" s="340"/>
      <c r="W35" s="341"/>
      <c r="X35" s="342"/>
      <c r="Y35" s="340"/>
      <c r="Z35" s="340"/>
      <c r="AA35" s="340"/>
      <c r="AB35" s="340"/>
      <c r="AC35" s="340"/>
      <c r="AD35" s="340"/>
      <c r="AE35" s="340"/>
      <c r="AF35" s="340"/>
      <c r="AG35" s="340"/>
      <c r="AH35" s="340"/>
      <c r="AI35" s="340"/>
      <c r="AJ35" s="340"/>
      <c r="AK35" s="340"/>
      <c r="AL35" s="340"/>
      <c r="AM35" s="340"/>
      <c r="AN35" s="340"/>
      <c r="AO35" s="340"/>
      <c r="AP35" s="340"/>
      <c r="AQ35" s="341"/>
      <c r="AR35" s="205"/>
      <c r="AS35" s="205"/>
      <c r="AT35" s="205"/>
      <c r="AU35" s="205"/>
      <c r="AV35" s="205"/>
      <c r="AW35" s="205"/>
      <c r="AX35" s="205"/>
      <c r="AY35" s="205"/>
      <c r="AZ35" s="205"/>
    </row>
    <row r="36" spans="1:52" ht="18.5" thickTop="1" x14ac:dyDescent="0.55000000000000004">
      <c r="D36" s="227"/>
      <c r="E36" s="227"/>
      <c r="F36" s="227"/>
      <c r="G36" s="227"/>
      <c r="H36" s="227"/>
      <c r="I36" s="227"/>
      <c r="J36" s="227"/>
      <c r="K36" s="227"/>
      <c r="L36" s="227"/>
      <c r="M36" s="205"/>
      <c r="N36" s="205"/>
      <c r="O36" s="227"/>
      <c r="P36" s="226"/>
      <c r="Q36" s="226"/>
      <c r="R36" s="226"/>
      <c r="S36" s="226"/>
      <c r="T36" s="226"/>
      <c r="U36" s="226"/>
      <c r="V36" s="226"/>
      <c r="W36" s="226"/>
      <c r="X36" s="226"/>
      <c r="Y36" s="226"/>
      <c r="Z36" s="226"/>
      <c r="AA36" s="226"/>
      <c r="AB36" s="226"/>
      <c r="AC36" s="226"/>
      <c r="AD36" s="226"/>
      <c r="AE36" s="226"/>
      <c r="AF36" s="226"/>
      <c r="AG36" s="226"/>
      <c r="AH36" s="226"/>
      <c r="AI36" s="226"/>
      <c r="AJ36" s="226"/>
      <c r="AK36" s="226"/>
      <c r="AL36" s="226"/>
      <c r="AM36" s="226"/>
      <c r="AN36" s="226"/>
      <c r="AO36" s="226"/>
      <c r="AP36" s="226"/>
      <c r="AQ36" s="226"/>
      <c r="AR36" s="205"/>
      <c r="AS36" s="205"/>
      <c r="AT36" s="205"/>
      <c r="AU36" s="205"/>
      <c r="AV36" s="205"/>
      <c r="AW36" s="205"/>
      <c r="AX36" s="205"/>
      <c r="AY36" s="205"/>
      <c r="AZ36" s="205"/>
    </row>
    <row r="37" spans="1:52" x14ac:dyDescent="0.55000000000000004">
      <c r="B37" s="7"/>
      <c r="C37" s="7"/>
      <c r="D37" s="206"/>
      <c r="E37" s="206"/>
      <c r="F37" s="206"/>
      <c r="G37" s="206"/>
      <c r="H37" s="206"/>
      <c r="I37" s="206"/>
      <c r="J37" s="206"/>
      <c r="K37" s="206"/>
      <c r="L37" s="206"/>
      <c r="M37" s="206"/>
      <c r="N37" s="206"/>
      <c r="O37" s="206"/>
      <c r="P37" s="206"/>
      <c r="Q37" s="206"/>
      <c r="R37" s="206"/>
      <c r="S37" s="206"/>
      <c r="T37" s="206"/>
      <c r="U37" s="206"/>
      <c r="V37" s="206"/>
      <c r="W37" s="206"/>
      <c r="X37" s="206"/>
      <c r="Y37" s="206"/>
      <c r="Z37" s="206"/>
      <c r="AA37" s="206"/>
      <c r="AB37" s="206"/>
      <c r="AC37" s="206"/>
      <c r="AD37" s="206"/>
      <c r="AE37" s="206"/>
      <c r="AF37" s="206"/>
      <c r="AG37" s="206"/>
      <c r="AH37" s="206"/>
      <c r="AI37" s="206"/>
      <c r="AJ37" s="206"/>
      <c r="AK37" s="206"/>
      <c r="AL37" s="205"/>
      <c r="AM37" s="205"/>
      <c r="AN37" s="205"/>
      <c r="AO37" s="205"/>
      <c r="AP37" s="205"/>
      <c r="AQ37" s="205"/>
      <c r="AR37" s="205"/>
      <c r="AS37" s="205"/>
      <c r="AT37" s="205"/>
      <c r="AU37" s="205"/>
      <c r="AV37" s="205"/>
      <c r="AW37" s="205"/>
      <c r="AX37" s="205"/>
      <c r="AY37" s="205"/>
      <c r="AZ37" s="205"/>
    </row>
    <row r="38" spans="1:52" x14ac:dyDescent="0.55000000000000004">
      <c r="D38" s="205"/>
      <c r="E38" s="205"/>
      <c r="F38" s="205"/>
      <c r="G38" s="205"/>
      <c r="H38" s="205"/>
      <c r="I38" s="205"/>
      <c r="J38" s="205"/>
      <c r="K38" s="205"/>
      <c r="L38" s="205"/>
      <c r="M38" s="205"/>
      <c r="N38" s="205"/>
      <c r="O38" s="205"/>
      <c r="P38" s="205"/>
      <c r="Q38" s="205"/>
      <c r="R38" s="205"/>
      <c r="S38" s="205"/>
      <c r="T38" s="205"/>
      <c r="U38" s="205"/>
      <c r="V38" s="205"/>
      <c r="W38" s="205"/>
      <c r="X38" s="205"/>
      <c r="Y38" s="205"/>
      <c r="Z38" s="205"/>
      <c r="AA38" s="205"/>
      <c r="AB38" s="205"/>
      <c r="AC38" s="205"/>
      <c r="AD38" s="205"/>
      <c r="AE38" s="205"/>
      <c r="AF38" s="205"/>
      <c r="AG38" s="205"/>
      <c r="AH38" s="205"/>
      <c r="AI38" s="205"/>
      <c r="AJ38" s="205"/>
      <c r="AK38" s="205"/>
      <c r="AL38" s="205"/>
      <c r="AM38" s="205"/>
      <c r="AN38" s="205"/>
      <c r="AO38" s="205"/>
      <c r="AP38" s="205"/>
      <c r="AQ38" s="205"/>
      <c r="AR38" s="205"/>
      <c r="AS38" s="205"/>
      <c r="AT38" s="205"/>
      <c r="AU38" s="205"/>
      <c r="AV38" s="205"/>
      <c r="AW38" s="205"/>
      <c r="AX38" s="205"/>
      <c r="AY38" s="205"/>
      <c r="AZ38" s="205"/>
    </row>
    <row r="39" spans="1:52" x14ac:dyDescent="0.55000000000000004">
      <c r="D39" s="205"/>
      <c r="E39" s="205"/>
      <c r="F39" s="205"/>
      <c r="G39" s="205"/>
      <c r="H39" s="205"/>
      <c r="I39" s="205"/>
      <c r="J39" s="205"/>
      <c r="K39" s="205"/>
      <c r="L39" s="205"/>
      <c r="M39" s="205"/>
      <c r="N39" s="205"/>
      <c r="O39" s="205"/>
      <c r="P39" s="205"/>
      <c r="Q39" s="205"/>
      <c r="R39" s="205"/>
      <c r="S39" s="205"/>
      <c r="T39" s="205"/>
      <c r="U39" s="205"/>
      <c r="V39" s="205"/>
      <c r="W39" s="205"/>
      <c r="X39" s="205"/>
      <c r="Y39" s="205"/>
      <c r="Z39" s="205"/>
      <c r="AA39" s="205"/>
      <c r="AB39" s="205"/>
      <c r="AC39" s="205"/>
      <c r="AD39" s="205"/>
      <c r="AE39" s="205"/>
      <c r="AF39" s="205"/>
      <c r="AG39" s="205"/>
      <c r="AH39" s="205"/>
      <c r="AI39" s="205"/>
      <c r="AJ39" s="205"/>
      <c r="AK39" s="205"/>
      <c r="AL39" s="205"/>
      <c r="AM39" s="205"/>
      <c r="AN39" s="205"/>
      <c r="AO39" s="205"/>
      <c r="AP39" s="205"/>
      <c r="AQ39" s="205"/>
      <c r="AR39" s="205"/>
      <c r="AS39" s="205"/>
      <c r="AT39" s="205"/>
      <c r="AU39" s="205"/>
      <c r="AV39" s="205"/>
      <c r="AW39" s="205"/>
      <c r="AX39" s="205"/>
      <c r="AY39" s="205"/>
      <c r="AZ39" s="205"/>
    </row>
    <row r="40" spans="1:52" x14ac:dyDescent="0.55000000000000004">
      <c r="D40" s="205"/>
      <c r="E40" s="205"/>
      <c r="F40" s="205"/>
      <c r="G40" s="205"/>
      <c r="H40" s="205"/>
      <c r="I40" s="205"/>
      <c r="J40" s="205"/>
      <c r="K40" s="205"/>
      <c r="L40" s="205"/>
      <c r="M40" s="205"/>
      <c r="N40" s="205"/>
      <c r="O40" s="205"/>
      <c r="P40" s="205"/>
      <c r="Q40" s="205"/>
      <c r="R40" s="205"/>
      <c r="S40" s="205"/>
      <c r="T40" s="205"/>
      <c r="U40" s="205"/>
      <c r="V40" s="205"/>
      <c r="W40" s="205"/>
      <c r="X40" s="205"/>
      <c r="Y40" s="205"/>
      <c r="Z40" s="205"/>
      <c r="AA40" s="205"/>
      <c r="AB40" s="205"/>
      <c r="AC40" s="205"/>
      <c r="AD40" s="205"/>
      <c r="AE40" s="205"/>
      <c r="AF40" s="205"/>
      <c r="AG40" s="205"/>
      <c r="AH40" s="205"/>
      <c r="AI40" s="205"/>
      <c r="AJ40" s="205"/>
      <c r="AK40" s="205"/>
      <c r="AL40" s="205"/>
      <c r="AM40" s="205"/>
      <c r="AN40" s="205"/>
      <c r="AO40" s="205"/>
      <c r="AP40" s="205"/>
      <c r="AQ40" s="205"/>
      <c r="AR40" s="205"/>
      <c r="AS40" s="205"/>
      <c r="AT40" s="205"/>
      <c r="AU40" s="205"/>
      <c r="AV40" s="205"/>
      <c r="AW40" s="205"/>
      <c r="AX40" s="205"/>
      <c r="AY40" s="205"/>
      <c r="AZ40" s="205"/>
    </row>
    <row r="41" spans="1:52" x14ac:dyDescent="0.55000000000000004">
      <c r="D41" s="205"/>
      <c r="E41" s="205"/>
      <c r="F41" s="205"/>
      <c r="G41" s="205"/>
      <c r="H41" s="205"/>
      <c r="I41" s="205"/>
      <c r="J41" s="205"/>
      <c r="K41" s="205"/>
      <c r="L41" s="205"/>
      <c r="M41" s="205"/>
      <c r="N41" s="205"/>
      <c r="O41" s="205"/>
      <c r="P41" s="205"/>
      <c r="Q41" s="205"/>
      <c r="R41" s="205"/>
      <c r="S41" s="205"/>
      <c r="T41" s="205"/>
      <c r="U41" s="205"/>
      <c r="V41" s="205"/>
      <c r="W41" s="205"/>
      <c r="X41" s="205"/>
      <c r="Y41" s="205"/>
      <c r="Z41" s="205"/>
      <c r="AA41" s="205"/>
      <c r="AB41" s="205"/>
      <c r="AC41" s="205"/>
      <c r="AD41" s="205"/>
      <c r="AE41" s="205"/>
      <c r="AF41" s="205"/>
      <c r="AG41" s="205"/>
      <c r="AH41" s="205"/>
      <c r="AI41" s="205"/>
      <c r="AJ41" s="205"/>
      <c r="AK41" s="205"/>
      <c r="AL41" s="205"/>
      <c r="AM41" s="205"/>
      <c r="AN41" s="205"/>
      <c r="AO41" s="205"/>
      <c r="AP41" s="205"/>
      <c r="AQ41" s="205"/>
      <c r="AR41" s="205"/>
      <c r="AS41" s="205"/>
      <c r="AT41" s="205"/>
      <c r="AU41" s="205"/>
      <c r="AV41" s="205"/>
      <c r="AW41" s="205"/>
      <c r="AX41" s="205"/>
      <c r="AY41" s="205"/>
      <c r="AZ41" s="205"/>
    </row>
    <row r="42" spans="1:52" x14ac:dyDescent="0.55000000000000004">
      <c r="D42" s="205"/>
      <c r="E42" s="205"/>
      <c r="F42" s="205"/>
      <c r="G42" s="205"/>
      <c r="H42" s="205"/>
      <c r="I42" s="205"/>
      <c r="J42" s="205"/>
      <c r="K42" s="205"/>
      <c r="L42" s="205"/>
      <c r="M42" s="205"/>
      <c r="N42" s="205"/>
      <c r="O42" s="205"/>
      <c r="P42" s="205"/>
      <c r="Q42" s="205"/>
      <c r="R42" s="205"/>
      <c r="S42" s="205"/>
      <c r="T42" s="205"/>
      <c r="U42" s="205"/>
      <c r="V42" s="205"/>
      <c r="W42" s="205"/>
      <c r="X42" s="205"/>
      <c r="Y42" s="205"/>
      <c r="Z42" s="205"/>
      <c r="AA42" s="205"/>
      <c r="AB42" s="205"/>
      <c r="AC42" s="205"/>
      <c r="AD42" s="205"/>
      <c r="AE42" s="205"/>
      <c r="AF42" s="205"/>
      <c r="AG42" s="205"/>
      <c r="AH42" s="205"/>
      <c r="AI42" s="205"/>
      <c r="AJ42" s="205"/>
      <c r="AK42" s="205"/>
      <c r="AL42" s="205"/>
      <c r="AM42" s="205"/>
      <c r="AN42" s="205"/>
      <c r="AO42" s="205"/>
      <c r="AP42" s="205"/>
      <c r="AQ42" s="205"/>
      <c r="AR42" s="205"/>
      <c r="AS42" s="205"/>
      <c r="AT42" s="205"/>
      <c r="AU42" s="205"/>
      <c r="AV42" s="205"/>
      <c r="AW42" s="205"/>
      <c r="AX42" s="205"/>
      <c r="AY42" s="205"/>
      <c r="AZ42" s="205"/>
    </row>
    <row r="43" spans="1:52" x14ac:dyDescent="0.55000000000000004">
      <c r="D43" s="205"/>
      <c r="E43" s="205"/>
      <c r="F43" s="205"/>
      <c r="G43" s="205"/>
      <c r="H43" s="205"/>
      <c r="I43" s="205"/>
      <c r="J43" s="205"/>
      <c r="K43" s="205"/>
      <c r="L43" s="205"/>
      <c r="M43" s="205"/>
      <c r="N43" s="205"/>
      <c r="O43" s="205"/>
      <c r="P43" s="205"/>
      <c r="Q43" s="205"/>
      <c r="R43" s="205"/>
      <c r="S43" s="205"/>
      <c r="T43" s="205"/>
      <c r="U43" s="205"/>
      <c r="V43" s="205"/>
      <c r="W43" s="205"/>
      <c r="X43" s="205"/>
      <c r="Y43" s="205"/>
      <c r="Z43" s="205"/>
      <c r="AA43" s="205"/>
      <c r="AB43" s="205"/>
      <c r="AC43" s="205"/>
      <c r="AD43" s="205"/>
      <c r="AE43" s="205"/>
      <c r="AF43" s="205"/>
      <c r="AG43" s="205"/>
      <c r="AH43" s="205"/>
      <c r="AI43" s="205"/>
      <c r="AJ43" s="205"/>
      <c r="AK43" s="205"/>
      <c r="AL43" s="205"/>
      <c r="AM43" s="205"/>
      <c r="AN43" s="205"/>
      <c r="AO43" s="205"/>
      <c r="AP43" s="205"/>
      <c r="AQ43" s="205"/>
      <c r="AR43" s="205"/>
      <c r="AS43" s="205"/>
      <c r="AT43" s="205"/>
      <c r="AU43" s="205"/>
      <c r="AV43" s="205"/>
      <c r="AW43" s="205"/>
      <c r="AX43" s="205"/>
      <c r="AY43" s="205"/>
      <c r="AZ43" s="205"/>
    </row>
    <row r="44" spans="1:52" x14ac:dyDescent="0.55000000000000004">
      <c r="D44" s="205"/>
      <c r="E44" s="205"/>
      <c r="F44" s="205"/>
      <c r="G44" s="205"/>
      <c r="H44" s="205"/>
      <c r="I44" s="205"/>
      <c r="J44" s="205"/>
      <c r="K44" s="205"/>
      <c r="L44" s="205"/>
      <c r="M44" s="205"/>
      <c r="N44" s="205"/>
      <c r="O44" s="205"/>
      <c r="P44" s="205"/>
      <c r="Q44" s="205"/>
      <c r="R44" s="205"/>
      <c r="S44" s="205"/>
      <c r="T44" s="205"/>
      <c r="U44" s="205"/>
      <c r="V44" s="205"/>
      <c r="W44" s="205"/>
      <c r="X44" s="205"/>
      <c r="Y44" s="205"/>
      <c r="Z44" s="205"/>
      <c r="AA44" s="205"/>
      <c r="AB44" s="205"/>
      <c r="AC44" s="205"/>
      <c r="AD44" s="205"/>
      <c r="AE44" s="205"/>
      <c r="AF44" s="205"/>
      <c r="AG44" s="205"/>
      <c r="AH44" s="205"/>
      <c r="AI44" s="205"/>
      <c r="AJ44" s="205"/>
      <c r="AK44" s="205"/>
      <c r="AL44" s="205"/>
      <c r="AM44" s="205"/>
      <c r="AN44" s="205"/>
      <c r="AO44" s="205"/>
      <c r="AP44" s="205"/>
      <c r="AQ44" s="205"/>
      <c r="AR44" s="205"/>
      <c r="AS44" s="205"/>
      <c r="AT44" s="205"/>
      <c r="AU44" s="205"/>
      <c r="AV44" s="205"/>
      <c r="AW44" s="205"/>
      <c r="AX44" s="205"/>
      <c r="AY44" s="205"/>
      <c r="AZ44" s="205"/>
    </row>
    <row r="45" spans="1:52" x14ac:dyDescent="0.55000000000000004">
      <c r="D45" s="205"/>
      <c r="E45" s="205"/>
      <c r="F45" s="205"/>
      <c r="G45" s="205"/>
      <c r="H45" s="205"/>
      <c r="I45" s="205"/>
      <c r="J45" s="205"/>
      <c r="K45" s="205"/>
      <c r="L45" s="205"/>
      <c r="M45" s="205"/>
      <c r="N45" s="205"/>
      <c r="O45" s="205"/>
      <c r="P45" s="205"/>
      <c r="Q45" s="205"/>
      <c r="R45" s="205"/>
      <c r="S45" s="205"/>
      <c r="T45" s="205"/>
      <c r="U45" s="205"/>
      <c r="V45" s="205"/>
      <c r="W45" s="205"/>
      <c r="X45" s="205"/>
      <c r="Y45" s="205"/>
      <c r="Z45" s="205"/>
      <c r="AA45" s="205"/>
      <c r="AB45" s="205"/>
      <c r="AC45" s="205"/>
      <c r="AD45" s="205"/>
      <c r="AE45" s="205"/>
      <c r="AF45" s="205"/>
      <c r="AG45" s="205"/>
      <c r="AH45" s="205"/>
      <c r="AI45" s="205"/>
      <c r="AJ45" s="205"/>
      <c r="AK45" s="205"/>
      <c r="AL45" s="205"/>
      <c r="AM45" s="205"/>
      <c r="AN45" s="205"/>
      <c r="AO45" s="205"/>
      <c r="AP45" s="205"/>
      <c r="AQ45" s="205"/>
      <c r="AR45" s="205"/>
      <c r="AS45" s="205"/>
      <c r="AT45" s="205"/>
      <c r="AU45" s="205"/>
      <c r="AV45" s="205"/>
      <c r="AW45" s="205"/>
      <c r="AX45" s="205"/>
      <c r="AY45" s="205"/>
      <c r="AZ45" s="205"/>
    </row>
    <row r="46" spans="1:52" x14ac:dyDescent="0.55000000000000004">
      <c r="D46" s="205"/>
      <c r="E46" s="205"/>
      <c r="F46" s="205"/>
      <c r="G46" s="205"/>
      <c r="H46" s="205"/>
      <c r="I46" s="205"/>
      <c r="J46" s="205"/>
      <c r="K46" s="205"/>
      <c r="L46" s="205"/>
      <c r="M46" s="205"/>
      <c r="N46" s="205"/>
      <c r="O46" s="205"/>
      <c r="P46" s="205"/>
      <c r="Q46" s="205"/>
      <c r="R46" s="205"/>
      <c r="S46" s="205"/>
      <c r="T46" s="205"/>
      <c r="U46" s="205"/>
      <c r="V46" s="205"/>
      <c r="W46" s="205"/>
      <c r="X46" s="205"/>
      <c r="Y46" s="205"/>
      <c r="Z46" s="205"/>
      <c r="AA46" s="205"/>
      <c r="AB46" s="205"/>
      <c r="AC46" s="205"/>
      <c r="AD46" s="205"/>
      <c r="AE46" s="205"/>
      <c r="AF46" s="205"/>
      <c r="AG46" s="205"/>
      <c r="AH46" s="205"/>
      <c r="AI46" s="205"/>
      <c r="AJ46" s="205"/>
      <c r="AK46" s="205"/>
      <c r="AL46" s="205"/>
      <c r="AM46" s="205"/>
      <c r="AN46" s="205"/>
      <c r="AO46" s="205"/>
      <c r="AP46" s="205"/>
      <c r="AQ46" s="205"/>
      <c r="AR46" s="205"/>
      <c r="AS46" s="205"/>
      <c r="AT46" s="205"/>
      <c r="AU46" s="205"/>
      <c r="AV46" s="205"/>
      <c r="AW46" s="205"/>
      <c r="AX46" s="205"/>
      <c r="AY46" s="205"/>
      <c r="AZ46" s="205"/>
    </row>
    <row r="47" spans="1:52" x14ac:dyDescent="0.55000000000000004">
      <c r="D47" s="205"/>
      <c r="E47" s="205"/>
      <c r="F47" s="205"/>
      <c r="G47" s="205"/>
      <c r="H47" s="205"/>
      <c r="I47" s="205"/>
      <c r="J47" s="205"/>
      <c r="K47" s="205"/>
      <c r="L47" s="205"/>
      <c r="M47" s="205"/>
      <c r="N47" s="205"/>
      <c r="O47" s="205"/>
      <c r="P47" s="205"/>
      <c r="Q47" s="205"/>
      <c r="R47" s="205"/>
      <c r="S47" s="205"/>
      <c r="T47" s="205"/>
      <c r="U47" s="205"/>
      <c r="V47" s="205"/>
      <c r="W47" s="205"/>
      <c r="X47" s="205"/>
      <c r="Y47" s="205"/>
      <c r="Z47" s="205"/>
      <c r="AA47" s="205"/>
      <c r="AB47" s="205"/>
      <c r="AC47" s="205"/>
      <c r="AD47" s="205"/>
      <c r="AE47" s="205"/>
      <c r="AF47" s="205"/>
      <c r="AG47" s="205"/>
      <c r="AH47" s="205"/>
      <c r="AI47" s="205"/>
      <c r="AJ47" s="205"/>
      <c r="AK47" s="205"/>
      <c r="AL47" s="205"/>
      <c r="AM47" s="205"/>
      <c r="AN47" s="205"/>
      <c r="AO47" s="205"/>
      <c r="AP47" s="205"/>
      <c r="AQ47" s="205"/>
      <c r="AR47" s="205"/>
      <c r="AS47" s="205"/>
      <c r="AT47" s="205"/>
      <c r="AU47" s="205"/>
      <c r="AV47" s="205"/>
      <c r="AW47" s="205"/>
      <c r="AX47" s="205"/>
      <c r="AY47" s="205"/>
      <c r="AZ47" s="205"/>
    </row>
    <row r="48" spans="1:52" x14ac:dyDescent="0.55000000000000004">
      <c r="D48" s="205"/>
      <c r="E48" s="205"/>
      <c r="F48" s="205"/>
      <c r="G48" s="205"/>
      <c r="H48" s="205"/>
      <c r="I48" s="205"/>
      <c r="J48" s="205"/>
      <c r="K48" s="205"/>
      <c r="L48" s="205"/>
      <c r="M48" s="205"/>
      <c r="N48" s="205"/>
      <c r="O48" s="205"/>
      <c r="P48" s="205"/>
      <c r="Q48" s="205"/>
      <c r="R48" s="205"/>
      <c r="S48" s="205"/>
      <c r="T48" s="205"/>
      <c r="U48" s="205"/>
      <c r="V48" s="205"/>
      <c r="W48" s="205"/>
      <c r="X48" s="205"/>
      <c r="Y48" s="205"/>
      <c r="Z48" s="205"/>
      <c r="AA48" s="205"/>
      <c r="AB48" s="205"/>
      <c r="AC48" s="205"/>
      <c r="AD48" s="205"/>
      <c r="AE48" s="205"/>
      <c r="AF48" s="205"/>
      <c r="AG48" s="205"/>
      <c r="AH48" s="205"/>
      <c r="AI48" s="205"/>
      <c r="AJ48" s="205"/>
      <c r="AK48" s="205"/>
      <c r="AL48" s="205"/>
      <c r="AM48" s="205"/>
      <c r="AN48" s="205"/>
      <c r="AO48" s="205"/>
      <c r="AP48" s="205"/>
      <c r="AQ48" s="205"/>
      <c r="AR48" s="205"/>
      <c r="AS48" s="205"/>
      <c r="AT48" s="205"/>
      <c r="AU48" s="205"/>
      <c r="AV48" s="205"/>
      <c r="AW48" s="205"/>
      <c r="AX48" s="205"/>
      <c r="AY48" s="205"/>
      <c r="AZ48" s="205"/>
    </row>
    <row r="49" spans="4:52" x14ac:dyDescent="0.55000000000000004">
      <c r="D49" s="205"/>
      <c r="E49" s="205"/>
      <c r="F49" s="205"/>
      <c r="G49" s="205"/>
      <c r="H49" s="205"/>
      <c r="I49" s="205"/>
      <c r="J49" s="205"/>
      <c r="K49" s="205"/>
      <c r="L49" s="205"/>
      <c r="M49" s="205"/>
      <c r="N49" s="205"/>
      <c r="O49" s="205"/>
      <c r="P49" s="205"/>
      <c r="Q49" s="205"/>
      <c r="R49" s="205"/>
      <c r="S49" s="205"/>
      <c r="T49" s="205"/>
      <c r="U49" s="205"/>
      <c r="V49" s="205"/>
      <c r="W49" s="205"/>
      <c r="X49" s="205"/>
      <c r="Y49" s="205"/>
      <c r="Z49" s="205"/>
      <c r="AA49" s="205"/>
      <c r="AB49" s="205"/>
      <c r="AC49" s="205"/>
      <c r="AD49" s="205"/>
      <c r="AE49" s="205"/>
      <c r="AF49" s="205"/>
      <c r="AG49" s="205"/>
      <c r="AH49" s="205"/>
      <c r="AI49" s="205"/>
      <c r="AJ49" s="205"/>
      <c r="AK49" s="205"/>
      <c r="AL49" s="205"/>
      <c r="AM49" s="205"/>
      <c r="AN49" s="205"/>
      <c r="AO49" s="205"/>
      <c r="AP49" s="205"/>
      <c r="AQ49" s="205"/>
      <c r="AR49" s="205"/>
      <c r="AS49" s="205"/>
      <c r="AT49" s="205"/>
      <c r="AU49" s="205"/>
      <c r="AV49" s="205"/>
      <c r="AW49" s="205"/>
      <c r="AX49" s="205"/>
      <c r="AY49" s="205"/>
      <c r="AZ49" s="205"/>
    </row>
    <row r="50" spans="4:52" x14ac:dyDescent="0.55000000000000004">
      <c r="D50" s="205"/>
      <c r="E50" s="205"/>
      <c r="F50" s="205"/>
      <c r="G50" s="205"/>
      <c r="H50" s="205"/>
      <c r="I50" s="205"/>
      <c r="J50" s="205"/>
      <c r="K50" s="205"/>
      <c r="L50" s="205"/>
      <c r="M50" s="205"/>
      <c r="N50" s="205"/>
      <c r="O50" s="205"/>
      <c r="P50" s="205"/>
      <c r="Q50" s="205"/>
      <c r="R50" s="205"/>
      <c r="S50" s="205"/>
      <c r="T50" s="205"/>
      <c r="U50" s="205"/>
      <c r="V50" s="205"/>
      <c r="W50" s="205"/>
      <c r="X50" s="205"/>
      <c r="Y50" s="205"/>
      <c r="Z50" s="205"/>
      <c r="AA50" s="205"/>
      <c r="AB50" s="205"/>
      <c r="AC50" s="205"/>
      <c r="AD50" s="205"/>
      <c r="AE50" s="205"/>
      <c r="AF50" s="205"/>
      <c r="AG50" s="205"/>
      <c r="AH50" s="205"/>
      <c r="AI50" s="205"/>
      <c r="AJ50" s="205"/>
      <c r="AK50" s="205"/>
      <c r="AL50" s="205"/>
      <c r="AM50" s="205"/>
      <c r="AN50" s="205"/>
      <c r="AO50" s="205"/>
      <c r="AP50" s="205"/>
      <c r="AQ50" s="205"/>
      <c r="AR50" s="205"/>
      <c r="AS50" s="205"/>
      <c r="AT50" s="205"/>
      <c r="AU50" s="205"/>
      <c r="AV50" s="205"/>
      <c r="AW50" s="205"/>
      <c r="AX50" s="205"/>
      <c r="AY50" s="205"/>
      <c r="AZ50" s="205"/>
    </row>
    <row r="51" spans="4:52" x14ac:dyDescent="0.55000000000000004">
      <c r="D51" s="205"/>
      <c r="E51" s="205"/>
      <c r="F51" s="205"/>
      <c r="G51" s="205"/>
      <c r="H51" s="205"/>
      <c r="I51" s="205"/>
      <c r="J51" s="205"/>
      <c r="K51" s="205"/>
      <c r="L51" s="205"/>
      <c r="M51" s="205"/>
      <c r="N51" s="205"/>
      <c r="O51" s="205"/>
      <c r="P51" s="205"/>
      <c r="Q51" s="205"/>
      <c r="R51" s="205"/>
      <c r="S51" s="205"/>
      <c r="T51" s="205"/>
      <c r="U51" s="205"/>
      <c r="V51" s="205"/>
      <c r="W51" s="205"/>
      <c r="X51" s="205"/>
      <c r="Y51" s="205"/>
      <c r="Z51" s="205"/>
      <c r="AA51" s="205"/>
      <c r="AB51" s="205"/>
      <c r="AC51" s="205"/>
      <c r="AD51" s="205"/>
      <c r="AE51" s="205"/>
      <c r="AF51" s="205"/>
      <c r="AG51" s="205"/>
      <c r="AH51" s="205"/>
      <c r="AI51" s="205"/>
      <c r="AJ51" s="205"/>
      <c r="AK51" s="205"/>
      <c r="AL51" s="205"/>
      <c r="AM51" s="205"/>
      <c r="AN51" s="205"/>
      <c r="AO51" s="205"/>
      <c r="AP51" s="205"/>
      <c r="AQ51" s="205"/>
      <c r="AR51" s="205"/>
      <c r="AS51" s="205"/>
      <c r="AT51" s="205"/>
      <c r="AU51" s="205"/>
      <c r="AV51" s="205"/>
      <c r="AW51" s="205"/>
      <c r="AX51" s="205"/>
      <c r="AY51" s="205"/>
      <c r="AZ51" s="205"/>
    </row>
    <row r="52" spans="4:52" x14ac:dyDescent="0.55000000000000004">
      <c r="D52" s="205"/>
      <c r="E52" s="205"/>
      <c r="F52" s="205"/>
      <c r="G52" s="205"/>
      <c r="H52" s="205"/>
      <c r="I52" s="205"/>
      <c r="J52" s="205"/>
      <c r="K52" s="205"/>
      <c r="L52" s="205"/>
      <c r="M52" s="205"/>
      <c r="N52" s="205"/>
      <c r="O52" s="205"/>
      <c r="P52" s="205"/>
      <c r="Q52" s="205"/>
      <c r="R52" s="205"/>
      <c r="S52" s="205"/>
      <c r="T52" s="205"/>
      <c r="U52" s="205"/>
      <c r="V52" s="205"/>
      <c r="W52" s="205"/>
      <c r="X52" s="205"/>
      <c r="Y52" s="205"/>
      <c r="Z52" s="205"/>
      <c r="AA52" s="205"/>
      <c r="AB52" s="205"/>
      <c r="AC52" s="205"/>
      <c r="AD52" s="205"/>
      <c r="AE52" s="205"/>
      <c r="AF52" s="205"/>
      <c r="AG52" s="205"/>
      <c r="AH52" s="205"/>
      <c r="AI52" s="205"/>
      <c r="AJ52" s="205"/>
      <c r="AK52" s="205"/>
      <c r="AL52" s="205"/>
      <c r="AM52" s="205"/>
      <c r="AN52" s="205"/>
      <c r="AO52" s="205"/>
      <c r="AP52" s="205"/>
      <c r="AQ52" s="205"/>
      <c r="AR52" s="205"/>
      <c r="AS52" s="205"/>
      <c r="AT52" s="205"/>
      <c r="AU52" s="205"/>
      <c r="AV52" s="205"/>
      <c r="AW52" s="205"/>
      <c r="AX52" s="205"/>
      <c r="AY52" s="205"/>
      <c r="AZ52" s="205"/>
    </row>
    <row r="53" spans="4:52" x14ac:dyDescent="0.55000000000000004">
      <c r="D53" s="205"/>
      <c r="E53" s="205"/>
      <c r="F53" s="205"/>
      <c r="G53" s="205"/>
      <c r="H53" s="205"/>
      <c r="I53" s="205"/>
      <c r="J53" s="205"/>
      <c r="K53" s="205"/>
      <c r="L53" s="205"/>
      <c r="M53" s="205"/>
      <c r="N53" s="205"/>
      <c r="O53" s="205"/>
      <c r="P53" s="205"/>
      <c r="Q53" s="205"/>
      <c r="R53" s="205"/>
      <c r="S53" s="205"/>
      <c r="T53" s="205"/>
      <c r="U53" s="205"/>
      <c r="V53" s="205"/>
      <c r="W53" s="205"/>
      <c r="X53" s="205"/>
      <c r="Y53" s="205"/>
      <c r="Z53" s="205"/>
      <c r="AA53" s="205"/>
      <c r="AB53" s="205"/>
      <c r="AC53" s="205"/>
      <c r="AD53" s="205"/>
      <c r="AE53" s="205"/>
      <c r="AF53" s="205"/>
      <c r="AG53" s="205"/>
      <c r="AH53" s="205"/>
      <c r="AI53" s="205"/>
      <c r="AJ53" s="205"/>
      <c r="AK53" s="205"/>
      <c r="AL53" s="205"/>
      <c r="AM53" s="205"/>
      <c r="AN53" s="205"/>
      <c r="AO53" s="205"/>
      <c r="AP53" s="205"/>
      <c r="AQ53" s="205"/>
      <c r="AR53" s="205"/>
      <c r="AS53" s="205"/>
      <c r="AT53" s="205"/>
      <c r="AU53" s="205"/>
      <c r="AV53" s="205"/>
      <c r="AW53" s="205"/>
      <c r="AX53" s="205"/>
      <c r="AY53" s="205"/>
      <c r="AZ53" s="205"/>
    </row>
    <row r="54" spans="4:52" x14ac:dyDescent="0.55000000000000004">
      <c r="D54" s="205"/>
      <c r="E54" s="205"/>
      <c r="F54" s="205"/>
      <c r="G54" s="205"/>
      <c r="H54" s="205"/>
      <c r="I54" s="205"/>
      <c r="J54" s="205"/>
      <c r="K54" s="205"/>
      <c r="L54" s="205"/>
      <c r="M54" s="205"/>
      <c r="N54" s="205"/>
      <c r="O54" s="205"/>
      <c r="P54" s="205"/>
      <c r="Q54" s="205"/>
      <c r="R54" s="205"/>
      <c r="S54" s="205"/>
      <c r="T54" s="205"/>
      <c r="U54" s="205"/>
      <c r="V54" s="205"/>
      <c r="W54" s="205"/>
      <c r="X54" s="205"/>
      <c r="Y54" s="205"/>
      <c r="Z54" s="205"/>
      <c r="AA54" s="205"/>
      <c r="AB54" s="205"/>
      <c r="AC54" s="205"/>
      <c r="AD54" s="205"/>
      <c r="AE54" s="205"/>
      <c r="AF54" s="205"/>
      <c r="AG54" s="205"/>
      <c r="AH54" s="205"/>
      <c r="AI54" s="205"/>
      <c r="AJ54" s="205"/>
      <c r="AK54" s="205"/>
      <c r="AL54" s="205"/>
      <c r="AM54" s="205"/>
      <c r="AN54" s="205"/>
      <c r="AO54" s="205"/>
      <c r="AP54" s="205"/>
      <c r="AQ54" s="205"/>
      <c r="AR54" s="205"/>
      <c r="AS54" s="205"/>
      <c r="AT54" s="205"/>
      <c r="AU54" s="205"/>
      <c r="AV54" s="205"/>
      <c r="AW54" s="205"/>
      <c r="AX54" s="205"/>
      <c r="AY54" s="205"/>
      <c r="AZ54" s="205"/>
    </row>
    <row r="55" spans="4:52" x14ac:dyDescent="0.55000000000000004">
      <c r="D55" s="205"/>
      <c r="E55" s="205"/>
      <c r="F55" s="205"/>
      <c r="G55" s="205"/>
      <c r="H55" s="205"/>
      <c r="I55" s="205"/>
      <c r="J55" s="205"/>
      <c r="K55" s="205"/>
      <c r="L55" s="205"/>
      <c r="M55" s="205"/>
      <c r="N55" s="205"/>
      <c r="O55" s="205"/>
      <c r="P55" s="205"/>
      <c r="Q55" s="205"/>
      <c r="R55" s="205"/>
      <c r="S55" s="205"/>
      <c r="T55" s="205"/>
      <c r="U55" s="205"/>
      <c r="V55" s="205"/>
      <c r="W55" s="205"/>
      <c r="X55" s="205"/>
      <c r="Y55" s="205"/>
      <c r="Z55" s="205"/>
      <c r="AA55" s="205"/>
      <c r="AB55" s="205"/>
      <c r="AC55" s="205"/>
      <c r="AD55" s="205"/>
      <c r="AE55" s="205"/>
      <c r="AF55" s="205"/>
      <c r="AG55" s="205"/>
      <c r="AH55" s="205"/>
      <c r="AI55" s="205"/>
      <c r="AJ55" s="205"/>
      <c r="AK55" s="205"/>
      <c r="AL55" s="205"/>
      <c r="AM55" s="205"/>
      <c r="AN55" s="205"/>
      <c r="AO55" s="205"/>
      <c r="AP55" s="205"/>
      <c r="AQ55" s="205"/>
      <c r="AR55" s="205"/>
      <c r="AS55" s="205"/>
      <c r="AT55" s="205"/>
      <c r="AU55" s="205"/>
      <c r="AV55" s="205"/>
      <c r="AW55" s="205"/>
      <c r="AX55" s="205"/>
      <c r="AY55" s="205"/>
      <c r="AZ55" s="205"/>
    </row>
    <row r="56" spans="4:52" x14ac:dyDescent="0.55000000000000004">
      <c r="D56" s="205"/>
      <c r="E56" s="205"/>
      <c r="F56" s="205"/>
      <c r="G56" s="205"/>
      <c r="H56" s="205"/>
      <c r="I56" s="205"/>
      <c r="J56" s="205"/>
      <c r="K56" s="205"/>
      <c r="L56" s="205"/>
      <c r="M56" s="205"/>
      <c r="N56" s="205"/>
      <c r="O56" s="205"/>
      <c r="P56" s="205"/>
      <c r="Q56" s="205"/>
      <c r="R56" s="205"/>
      <c r="S56" s="205"/>
      <c r="T56" s="205"/>
      <c r="U56" s="205"/>
      <c r="V56" s="205"/>
      <c r="W56" s="205"/>
      <c r="X56" s="205"/>
      <c r="Y56" s="205"/>
      <c r="Z56" s="205"/>
      <c r="AA56" s="205"/>
      <c r="AB56" s="205"/>
      <c r="AC56" s="205"/>
      <c r="AD56" s="205"/>
      <c r="AE56" s="205"/>
      <c r="AF56" s="205"/>
      <c r="AG56" s="205"/>
      <c r="AH56" s="205"/>
      <c r="AI56" s="205"/>
      <c r="AJ56" s="205"/>
      <c r="AK56" s="205"/>
      <c r="AL56" s="205"/>
      <c r="AM56" s="205"/>
      <c r="AN56" s="205"/>
      <c r="AO56" s="205"/>
      <c r="AP56" s="205"/>
      <c r="AQ56" s="205"/>
      <c r="AR56" s="205"/>
      <c r="AS56" s="205"/>
      <c r="AT56" s="205"/>
      <c r="AU56" s="205"/>
      <c r="AV56" s="205"/>
      <c r="AW56" s="205"/>
      <c r="AX56" s="205"/>
      <c r="AY56" s="205"/>
      <c r="AZ56" s="205"/>
    </row>
    <row r="57" spans="4:52" x14ac:dyDescent="0.55000000000000004">
      <c r="D57" s="205"/>
      <c r="E57" s="205"/>
      <c r="F57" s="205"/>
      <c r="G57" s="205"/>
      <c r="H57" s="205"/>
      <c r="I57" s="205"/>
      <c r="J57" s="205"/>
      <c r="K57" s="205"/>
      <c r="L57" s="205"/>
      <c r="M57" s="205"/>
      <c r="N57" s="205"/>
      <c r="O57" s="205"/>
      <c r="P57" s="205"/>
      <c r="Q57" s="205"/>
      <c r="R57" s="205"/>
      <c r="S57" s="205"/>
      <c r="T57" s="205"/>
      <c r="U57" s="205"/>
      <c r="V57" s="205"/>
      <c r="W57" s="205"/>
      <c r="X57" s="205"/>
      <c r="Y57" s="205"/>
      <c r="Z57" s="205"/>
      <c r="AA57" s="205"/>
      <c r="AB57" s="205"/>
      <c r="AC57" s="205"/>
      <c r="AD57" s="205"/>
      <c r="AE57" s="205"/>
      <c r="AF57" s="205"/>
      <c r="AG57" s="205"/>
      <c r="AH57" s="205"/>
      <c r="AI57" s="205"/>
      <c r="AJ57" s="205"/>
      <c r="AK57" s="205"/>
      <c r="AL57" s="205"/>
      <c r="AM57" s="205"/>
      <c r="AN57" s="205"/>
      <c r="AO57" s="205"/>
      <c r="AP57" s="205"/>
      <c r="AQ57" s="205"/>
      <c r="AR57" s="205"/>
      <c r="AS57" s="205"/>
      <c r="AT57" s="205"/>
      <c r="AU57" s="205"/>
      <c r="AV57" s="205"/>
      <c r="AW57" s="205"/>
      <c r="AX57" s="205"/>
      <c r="AY57" s="205"/>
      <c r="AZ57" s="205"/>
    </row>
    <row r="58" spans="4:52" x14ac:dyDescent="0.55000000000000004">
      <c r="D58" s="205"/>
      <c r="E58" s="205"/>
      <c r="F58" s="205"/>
      <c r="G58" s="205"/>
      <c r="H58" s="205"/>
      <c r="I58" s="205"/>
      <c r="J58" s="205"/>
      <c r="K58" s="205"/>
      <c r="L58" s="205"/>
      <c r="M58" s="205"/>
      <c r="N58" s="205"/>
      <c r="O58" s="205"/>
      <c r="P58" s="205"/>
      <c r="Q58" s="205"/>
      <c r="R58" s="205"/>
      <c r="S58" s="205"/>
      <c r="T58" s="205"/>
      <c r="U58" s="205"/>
      <c r="V58" s="205"/>
      <c r="W58" s="205"/>
      <c r="X58" s="205"/>
      <c r="Y58" s="205"/>
      <c r="Z58" s="205"/>
      <c r="AA58" s="205"/>
      <c r="AB58" s="205"/>
      <c r="AC58" s="205"/>
      <c r="AD58" s="205"/>
      <c r="AE58" s="205"/>
      <c r="AF58" s="205"/>
      <c r="AG58" s="205"/>
      <c r="AH58" s="205"/>
      <c r="AI58" s="205"/>
      <c r="AJ58" s="205"/>
      <c r="AK58" s="205"/>
      <c r="AL58" s="205"/>
      <c r="AM58" s="205"/>
      <c r="AN58" s="205"/>
      <c r="AO58" s="205"/>
      <c r="AP58" s="205"/>
      <c r="AQ58" s="205"/>
      <c r="AR58" s="205"/>
      <c r="AS58" s="205"/>
      <c r="AT58" s="205"/>
      <c r="AU58" s="205"/>
      <c r="AV58" s="205"/>
      <c r="AW58" s="205"/>
      <c r="AX58" s="205"/>
      <c r="AY58" s="205"/>
      <c r="AZ58" s="205"/>
    </row>
    <row r="59" spans="4:52" x14ac:dyDescent="0.55000000000000004">
      <c r="D59" s="205"/>
      <c r="E59" s="205"/>
      <c r="F59" s="205"/>
      <c r="G59" s="205"/>
      <c r="H59" s="205"/>
      <c r="I59" s="205"/>
      <c r="J59" s="205"/>
      <c r="K59" s="205"/>
      <c r="L59" s="205"/>
      <c r="M59" s="205"/>
      <c r="N59" s="205"/>
      <c r="O59" s="205"/>
      <c r="P59" s="205"/>
      <c r="Q59" s="205"/>
      <c r="R59" s="205"/>
      <c r="S59" s="205"/>
      <c r="T59" s="205"/>
      <c r="U59" s="205"/>
      <c r="V59" s="205"/>
      <c r="W59" s="205"/>
      <c r="X59" s="205"/>
      <c r="Y59" s="205"/>
      <c r="Z59" s="205"/>
      <c r="AA59" s="205"/>
      <c r="AB59" s="205"/>
      <c r="AC59" s="205"/>
      <c r="AD59" s="205"/>
      <c r="AE59" s="205"/>
      <c r="AF59" s="205"/>
      <c r="AG59" s="205"/>
      <c r="AH59" s="205"/>
      <c r="AI59" s="205"/>
      <c r="AJ59" s="205"/>
      <c r="AK59" s="205"/>
      <c r="AL59" s="205"/>
      <c r="AM59" s="205"/>
      <c r="AN59" s="205"/>
      <c r="AO59" s="205"/>
      <c r="AP59" s="205"/>
      <c r="AQ59" s="205"/>
      <c r="AR59" s="205"/>
      <c r="AS59" s="205"/>
      <c r="AT59" s="205"/>
      <c r="AU59" s="205"/>
      <c r="AV59" s="205"/>
      <c r="AW59" s="205"/>
      <c r="AX59" s="205"/>
      <c r="AY59" s="205"/>
      <c r="AZ59" s="205"/>
    </row>
    <row r="60" spans="4:52" x14ac:dyDescent="0.55000000000000004">
      <c r="D60" s="205"/>
      <c r="E60" s="205"/>
      <c r="F60" s="205"/>
      <c r="G60" s="205"/>
      <c r="H60" s="205"/>
      <c r="I60" s="205"/>
      <c r="J60" s="205"/>
      <c r="K60" s="205"/>
      <c r="L60" s="205"/>
      <c r="M60" s="205"/>
      <c r="N60" s="205"/>
      <c r="O60" s="205"/>
      <c r="P60" s="205"/>
      <c r="Q60" s="205"/>
      <c r="R60" s="205"/>
      <c r="S60" s="205"/>
      <c r="T60" s="205"/>
      <c r="U60" s="205"/>
      <c r="V60" s="205"/>
      <c r="W60" s="205"/>
      <c r="X60" s="205"/>
      <c r="Y60" s="205"/>
      <c r="Z60" s="205"/>
      <c r="AA60" s="205"/>
      <c r="AB60" s="205"/>
      <c r="AC60" s="205"/>
      <c r="AD60" s="205"/>
      <c r="AE60" s="205"/>
      <c r="AF60" s="205"/>
      <c r="AG60" s="205"/>
      <c r="AH60" s="205"/>
      <c r="AI60" s="205"/>
      <c r="AJ60" s="205"/>
      <c r="AK60" s="205"/>
      <c r="AL60" s="205"/>
      <c r="AM60" s="205"/>
      <c r="AN60" s="205"/>
      <c r="AO60" s="205"/>
      <c r="AP60" s="205"/>
      <c r="AQ60" s="205"/>
      <c r="AR60" s="205"/>
      <c r="AS60" s="205"/>
      <c r="AT60" s="205"/>
      <c r="AU60" s="205"/>
      <c r="AV60" s="205"/>
      <c r="AW60" s="205"/>
      <c r="AX60" s="205"/>
      <c r="AY60" s="205"/>
      <c r="AZ60" s="205"/>
    </row>
    <row r="61" spans="4:52" x14ac:dyDescent="0.55000000000000004">
      <c r="D61" s="205"/>
      <c r="E61" s="205"/>
      <c r="F61" s="205"/>
      <c r="G61" s="205"/>
      <c r="H61" s="205"/>
      <c r="I61" s="205"/>
      <c r="J61" s="205"/>
      <c r="K61" s="205"/>
      <c r="L61" s="205"/>
      <c r="M61" s="205"/>
      <c r="N61" s="205"/>
      <c r="O61" s="205"/>
      <c r="P61" s="205"/>
      <c r="Q61" s="205"/>
      <c r="R61" s="205"/>
      <c r="S61" s="205"/>
      <c r="T61" s="205"/>
      <c r="U61" s="205"/>
      <c r="V61" s="205"/>
      <c r="W61" s="205"/>
      <c r="X61" s="205"/>
      <c r="Y61" s="205"/>
      <c r="Z61" s="205"/>
      <c r="AA61" s="205"/>
      <c r="AB61" s="205"/>
      <c r="AC61" s="205"/>
      <c r="AD61" s="205"/>
      <c r="AE61" s="205"/>
      <c r="AF61" s="205"/>
      <c r="AG61" s="205"/>
      <c r="AH61" s="205"/>
      <c r="AI61" s="205"/>
      <c r="AJ61" s="205"/>
      <c r="AK61" s="205"/>
      <c r="AL61" s="205"/>
      <c r="AM61" s="205"/>
      <c r="AN61" s="205"/>
      <c r="AO61" s="205"/>
      <c r="AP61" s="205"/>
      <c r="AQ61" s="205"/>
      <c r="AR61" s="205"/>
      <c r="AS61" s="205"/>
      <c r="AT61" s="205"/>
      <c r="AU61" s="205"/>
      <c r="AV61" s="205"/>
      <c r="AW61" s="205"/>
      <c r="AX61" s="205"/>
      <c r="AY61" s="205"/>
      <c r="AZ61" s="205"/>
    </row>
    <row r="62" spans="4:52" x14ac:dyDescent="0.55000000000000004">
      <c r="D62" s="205"/>
      <c r="E62" s="205"/>
      <c r="F62" s="205"/>
      <c r="G62" s="205"/>
      <c r="H62" s="205"/>
      <c r="I62" s="205"/>
      <c r="J62" s="205"/>
      <c r="K62" s="205"/>
      <c r="L62" s="205"/>
      <c r="M62" s="205"/>
      <c r="N62" s="205"/>
      <c r="O62" s="205"/>
      <c r="P62" s="205"/>
      <c r="Q62" s="205"/>
      <c r="R62" s="205"/>
      <c r="S62" s="205"/>
      <c r="T62" s="205"/>
      <c r="U62" s="205"/>
      <c r="V62" s="205"/>
      <c r="W62" s="205"/>
      <c r="X62" s="205"/>
      <c r="Y62" s="205"/>
      <c r="Z62" s="205"/>
      <c r="AA62" s="205"/>
      <c r="AB62" s="205"/>
      <c r="AC62" s="205"/>
      <c r="AD62" s="205"/>
      <c r="AE62" s="205"/>
      <c r="AF62" s="205"/>
      <c r="AG62" s="205"/>
      <c r="AH62" s="205"/>
      <c r="AI62" s="205"/>
      <c r="AJ62" s="205"/>
      <c r="AK62" s="205"/>
      <c r="AL62" s="205"/>
      <c r="AM62" s="205"/>
      <c r="AN62" s="205"/>
      <c r="AO62" s="205"/>
      <c r="AP62" s="205"/>
      <c r="AQ62" s="205"/>
      <c r="AR62" s="205"/>
      <c r="AS62" s="205"/>
      <c r="AT62" s="205"/>
      <c r="AU62" s="205"/>
      <c r="AV62" s="205"/>
      <c r="AW62" s="205"/>
      <c r="AX62" s="205"/>
      <c r="AY62" s="205"/>
      <c r="AZ62" s="205"/>
    </row>
    <row r="63" spans="4:52" x14ac:dyDescent="0.55000000000000004">
      <c r="D63" s="205"/>
      <c r="E63" s="205"/>
      <c r="F63" s="205"/>
      <c r="G63" s="205"/>
      <c r="H63" s="205"/>
      <c r="I63" s="205"/>
      <c r="J63" s="205"/>
      <c r="K63" s="205"/>
      <c r="L63" s="205"/>
      <c r="M63" s="205"/>
      <c r="N63" s="205"/>
      <c r="O63" s="205"/>
      <c r="P63" s="205"/>
      <c r="Q63" s="205"/>
      <c r="R63" s="205"/>
      <c r="S63" s="205"/>
      <c r="T63" s="205"/>
      <c r="U63" s="205"/>
      <c r="V63" s="205"/>
      <c r="W63" s="205"/>
      <c r="X63" s="205"/>
      <c r="Y63" s="205"/>
      <c r="Z63" s="205"/>
      <c r="AA63" s="205"/>
      <c r="AB63" s="205"/>
      <c r="AC63" s="205"/>
      <c r="AD63" s="205"/>
      <c r="AE63" s="205"/>
      <c r="AF63" s="205"/>
      <c r="AG63" s="205"/>
      <c r="AH63" s="205"/>
      <c r="AI63" s="205"/>
      <c r="AJ63" s="205"/>
      <c r="AK63" s="205"/>
      <c r="AL63" s="205"/>
      <c r="AM63" s="205"/>
      <c r="AN63" s="205"/>
      <c r="AO63" s="205"/>
      <c r="AP63" s="205"/>
      <c r="AQ63" s="205"/>
      <c r="AR63" s="205"/>
      <c r="AS63" s="205"/>
      <c r="AT63" s="205"/>
      <c r="AU63" s="205"/>
      <c r="AV63" s="205"/>
      <c r="AW63" s="205"/>
      <c r="AX63" s="205"/>
      <c r="AY63" s="205"/>
      <c r="AZ63" s="205"/>
    </row>
    <row r="64" spans="4:52" x14ac:dyDescent="0.55000000000000004">
      <c r="D64" s="205"/>
      <c r="E64" s="205"/>
      <c r="F64" s="205"/>
      <c r="G64" s="205"/>
      <c r="H64" s="205"/>
      <c r="I64" s="205"/>
      <c r="J64" s="205"/>
      <c r="K64" s="205"/>
      <c r="L64" s="205"/>
      <c r="M64" s="205"/>
      <c r="N64" s="205"/>
      <c r="O64" s="205"/>
      <c r="P64" s="205"/>
      <c r="Q64" s="205"/>
      <c r="R64" s="205"/>
      <c r="S64" s="205"/>
      <c r="T64" s="205"/>
      <c r="U64" s="205"/>
      <c r="V64" s="205"/>
      <c r="W64" s="205"/>
      <c r="X64" s="205"/>
      <c r="Y64" s="205"/>
      <c r="Z64" s="205"/>
      <c r="AA64" s="205"/>
      <c r="AB64" s="205"/>
      <c r="AC64" s="205"/>
      <c r="AD64" s="205"/>
      <c r="AE64" s="205"/>
      <c r="AF64" s="205"/>
      <c r="AG64" s="205"/>
      <c r="AH64" s="205"/>
      <c r="AI64" s="205"/>
      <c r="AJ64" s="205"/>
      <c r="AK64" s="205"/>
      <c r="AL64" s="205"/>
      <c r="AM64" s="205"/>
      <c r="AN64" s="205"/>
      <c r="AO64" s="205"/>
      <c r="AP64" s="205"/>
      <c r="AQ64" s="205"/>
      <c r="AR64" s="205"/>
      <c r="AS64" s="205"/>
      <c r="AT64" s="205"/>
      <c r="AU64" s="205"/>
      <c r="AV64" s="205"/>
      <c r="AW64" s="205"/>
      <c r="AX64" s="205"/>
      <c r="AY64" s="205"/>
      <c r="AZ64" s="205"/>
    </row>
    <row r="65" spans="4:52" x14ac:dyDescent="0.55000000000000004">
      <c r="D65" s="205"/>
      <c r="E65" s="205"/>
      <c r="F65" s="205"/>
      <c r="G65" s="205"/>
      <c r="H65" s="205"/>
      <c r="I65" s="205"/>
      <c r="J65" s="205"/>
      <c r="K65" s="205"/>
      <c r="L65" s="205"/>
      <c r="M65" s="205"/>
      <c r="N65" s="205"/>
      <c r="O65" s="205"/>
      <c r="P65" s="205"/>
      <c r="Q65" s="205"/>
      <c r="R65" s="205"/>
      <c r="S65" s="205"/>
      <c r="T65" s="205"/>
      <c r="U65" s="205"/>
      <c r="V65" s="205"/>
      <c r="W65" s="205"/>
      <c r="X65" s="205"/>
      <c r="Y65" s="205"/>
      <c r="Z65" s="205"/>
      <c r="AA65" s="205"/>
      <c r="AB65" s="205"/>
      <c r="AC65" s="205"/>
      <c r="AD65" s="205"/>
      <c r="AE65" s="205"/>
      <c r="AF65" s="205"/>
      <c r="AG65" s="205"/>
      <c r="AH65" s="205"/>
      <c r="AI65" s="205"/>
      <c r="AJ65" s="205"/>
      <c r="AK65" s="205"/>
      <c r="AL65" s="205"/>
      <c r="AM65" s="205"/>
      <c r="AN65" s="205"/>
      <c r="AO65" s="205"/>
      <c r="AP65" s="205"/>
      <c r="AQ65" s="205"/>
      <c r="AR65" s="205"/>
      <c r="AS65" s="205"/>
      <c r="AT65" s="205"/>
      <c r="AU65" s="205"/>
      <c r="AV65" s="205"/>
      <c r="AW65" s="205"/>
      <c r="AX65" s="205"/>
      <c r="AY65" s="205"/>
      <c r="AZ65" s="205"/>
    </row>
    <row r="66" spans="4:52" x14ac:dyDescent="0.55000000000000004">
      <c r="D66" s="205"/>
      <c r="E66" s="205"/>
      <c r="F66" s="205"/>
      <c r="G66" s="205"/>
      <c r="H66" s="205"/>
      <c r="I66" s="205"/>
      <c r="J66" s="205"/>
      <c r="K66" s="205"/>
      <c r="L66" s="205"/>
      <c r="M66" s="205"/>
      <c r="N66" s="205"/>
      <c r="O66" s="205"/>
      <c r="P66" s="205"/>
      <c r="Q66" s="205"/>
      <c r="R66" s="205"/>
      <c r="S66" s="205"/>
      <c r="T66" s="205"/>
      <c r="U66" s="205"/>
      <c r="V66" s="205"/>
      <c r="W66" s="205"/>
      <c r="X66" s="205"/>
      <c r="Y66" s="205"/>
      <c r="Z66" s="205"/>
      <c r="AA66" s="205"/>
      <c r="AB66" s="205"/>
      <c r="AC66" s="205"/>
      <c r="AD66" s="205"/>
      <c r="AE66" s="205"/>
      <c r="AF66" s="205"/>
      <c r="AG66" s="205"/>
      <c r="AH66" s="205"/>
      <c r="AI66" s="205"/>
      <c r="AJ66" s="205"/>
      <c r="AK66" s="205"/>
      <c r="AL66" s="205"/>
      <c r="AM66" s="205"/>
      <c r="AN66" s="205"/>
      <c r="AO66" s="205"/>
      <c r="AP66" s="205"/>
      <c r="AQ66" s="205"/>
      <c r="AR66" s="205"/>
      <c r="AS66" s="205"/>
      <c r="AT66" s="205"/>
      <c r="AU66" s="205"/>
      <c r="AV66" s="205"/>
      <c r="AW66" s="205"/>
      <c r="AX66" s="205"/>
      <c r="AY66" s="205"/>
      <c r="AZ66" s="205"/>
    </row>
    <row r="67" spans="4:52" x14ac:dyDescent="0.55000000000000004">
      <c r="D67" s="205"/>
      <c r="E67" s="205"/>
      <c r="F67" s="205"/>
      <c r="G67" s="205"/>
      <c r="H67" s="205"/>
      <c r="I67" s="205"/>
      <c r="J67" s="205"/>
      <c r="K67" s="205"/>
      <c r="L67" s="205"/>
      <c r="M67" s="205"/>
      <c r="N67" s="205"/>
      <c r="O67" s="205"/>
      <c r="P67" s="205"/>
      <c r="Q67" s="205"/>
      <c r="R67" s="205"/>
      <c r="S67" s="205"/>
      <c r="T67" s="205"/>
      <c r="U67" s="205"/>
      <c r="V67" s="205"/>
      <c r="W67" s="205"/>
      <c r="X67" s="205"/>
      <c r="Y67" s="205"/>
      <c r="Z67" s="205"/>
      <c r="AA67" s="205"/>
      <c r="AB67" s="205"/>
      <c r="AC67" s="205"/>
      <c r="AD67" s="205"/>
      <c r="AE67" s="205"/>
      <c r="AF67" s="205"/>
      <c r="AG67" s="205"/>
      <c r="AH67" s="205"/>
      <c r="AI67" s="205"/>
      <c r="AJ67" s="205"/>
      <c r="AK67" s="205"/>
      <c r="AL67" s="205"/>
      <c r="AM67" s="205"/>
      <c r="AN67" s="205"/>
      <c r="AO67" s="205"/>
      <c r="AP67" s="205"/>
      <c r="AQ67" s="205"/>
      <c r="AR67" s="205"/>
      <c r="AS67" s="205"/>
      <c r="AT67" s="205"/>
      <c r="AU67" s="205"/>
      <c r="AV67" s="205"/>
      <c r="AW67" s="205"/>
      <c r="AX67" s="205"/>
      <c r="AY67" s="205"/>
      <c r="AZ67" s="205"/>
    </row>
    <row r="68" spans="4:52" x14ac:dyDescent="0.55000000000000004">
      <c r="D68" s="205"/>
      <c r="E68" s="205"/>
      <c r="F68" s="205"/>
      <c r="G68" s="205"/>
      <c r="H68" s="205"/>
      <c r="I68" s="205"/>
      <c r="J68" s="205"/>
      <c r="K68" s="205"/>
      <c r="L68" s="205"/>
      <c r="M68" s="205"/>
      <c r="N68" s="205"/>
      <c r="O68" s="205"/>
      <c r="P68" s="205"/>
      <c r="Q68" s="205"/>
      <c r="R68" s="205"/>
      <c r="S68" s="205"/>
      <c r="T68" s="205"/>
      <c r="U68" s="205"/>
      <c r="V68" s="205"/>
      <c r="W68" s="205"/>
      <c r="X68" s="205"/>
      <c r="Y68" s="205"/>
      <c r="Z68" s="205"/>
      <c r="AA68" s="205"/>
      <c r="AB68" s="205"/>
      <c r="AC68" s="205"/>
      <c r="AD68" s="205"/>
      <c r="AE68" s="205"/>
      <c r="AF68" s="205"/>
      <c r="AG68" s="205"/>
      <c r="AH68" s="205"/>
      <c r="AI68" s="205"/>
      <c r="AJ68" s="205"/>
      <c r="AK68" s="205"/>
      <c r="AL68" s="205"/>
      <c r="AM68" s="205"/>
      <c r="AN68" s="205"/>
      <c r="AO68" s="205"/>
      <c r="AP68" s="205"/>
      <c r="AQ68" s="205"/>
      <c r="AR68" s="205"/>
      <c r="AS68" s="205"/>
      <c r="AT68" s="205"/>
      <c r="AU68" s="205"/>
      <c r="AV68" s="205"/>
      <c r="AW68" s="205"/>
      <c r="AX68" s="205"/>
      <c r="AY68" s="205"/>
      <c r="AZ68" s="205"/>
    </row>
    <row r="69" spans="4:52" x14ac:dyDescent="0.55000000000000004">
      <c r="D69" s="205"/>
      <c r="E69" s="205"/>
      <c r="F69" s="205"/>
      <c r="G69" s="205"/>
      <c r="H69" s="205"/>
      <c r="I69" s="205"/>
      <c r="J69" s="205"/>
      <c r="K69" s="205"/>
      <c r="L69" s="205"/>
      <c r="M69" s="205"/>
      <c r="N69" s="205"/>
      <c r="O69" s="205"/>
      <c r="P69" s="205"/>
      <c r="Q69" s="205"/>
      <c r="R69" s="205"/>
      <c r="S69" s="205"/>
      <c r="T69" s="205"/>
      <c r="U69" s="205"/>
      <c r="V69" s="205"/>
      <c r="W69" s="205"/>
      <c r="X69" s="205"/>
      <c r="Y69" s="205"/>
      <c r="Z69" s="205"/>
      <c r="AA69" s="205"/>
      <c r="AB69" s="205"/>
      <c r="AC69" s="205"/>
      <c r="AD69" s="205"/>
      <c r="AE69" s="205"/>
      <c r="AF69" s="205"/>
      <c r="AG69" s="205"/>
      <c r="AH69" s="205"/>
      <c r="AI69" s="205"/>
      <c r="AJ69" s="205"/>
      <c r="AK69" s="205"/>
      <c r="AL69" s="205"/>
      <c r="AM69" s="205"/>
      <c r="AN69" s="205"/>
      <c r="AO69" s="205"/>
      <c r="AP69" s="205"/>
      <c r="AQ69" s="205"/>
      <c r="AR69" s="205"/>
      <c r="AS69" s="205"/>
      <c r="AT69" s="205"/>
      <c r="AU69" s="205"/>
      <c r="AV69" s="205"/>
      <c r="AW69" s="205"/>
      <c r="AX69" s="205"/>
      <c r="AY69" s="205"/>
      <c r="AZ69" s="205"/>
    </row>
    <row r="70" spans="4:52" x14ac:dyDescent="0.55000000000000004">
      <c r="D70" s="205"/>
      <c r="E70" s="205"/>
      <c r="F70" s="205"/>
      <c r="G70" s="205"/>
      <c r="H70" s="205"/>
      <c r="I70" s="205"/>
      <c r="J70" s="205"/>
      <c r="K70" s="205"/>
      <c r="L70" s="205"/>
      <c r="M70" s="205"/>
      <c r="N70" s="205"/>
      <c r="O70" s="205"/>
      <c r="P70" s="205"/>
      <c r="Q70" s="205"/>
      <c r="R70" s="205"/>
      <c r="S70" s="205"/>
      <c r="T70" s="205"/>
      <c r="U70" s="205"/>
      <c r="V70" s="205"/>
      <c r="W70" s="205"/>
      <c r="X70" s="205"/>
      <c r="Y70" s="205"/>
      <c r="Z70" s="205"/>
      <c r="AA70" s="205"/>
      <c r="AB70" s="205"/>
      <c r="AC70" s="205"/>
      <c r="AD70" s="205"/>
      <c r="AE70" s="205"/>
      <c r="AF70" s="205"/>
      <c r="AG70" s="205"/>
      <c r="AH70" s="205"/>
      <c r="AI70" s="205"/>
      <c r="AJ70" s="205"/>
      <c r="AK70" s="205"/>
      <c r="AL70" s="205"/>
      <c r="AM70" s="205"/>
      <c r="AN70" s="205"/>
      <c r="AO70" s="205"/>
      <c r="AP70" s="205"/>
      <c r="AQ70" s="205"/>
      <c r="AR70" s="205"/>
      <c r="AS70" s="205"/>
      <c r="AT70" s="205"/>
      <c r="AU70" s="205"/>
      <c r="AV70" s="205"/>
      <c r="AW70" s="205"/>
      <c r="AX70" s="205"/>
      <c r="AY70" s="205"/>
      <c r="AZ70" s="205"/>
    </row>
    <row r="71" spans="4:52" x14ac:dyDescent="0.55000000000000004">
      <c r="D71" s="205"/>
      <c r="E71" s="205"/>
      <c r="F71" s="205"/>
      <c r="G71" s="205"/>
      <c r="H71" s="205"/>
      <c r="I71" s="205"/>
      <c r="J71" s="205"/>
      <c r="K71" s="205"/>
      <c r="L71" s="205"/>
      <c r="M71" s="205"/>
      <c r="N71" s="205"/>
      <c r="O71" s="205"/>
      <c r="P71" s="205"/>
      <c r="Q71" s="205"/>
      <c r="R71" s="205"/>
      <c r="S71" s="205"/>
      <c r="T71" s="205"/>
      <c r="U71" s="205"/>
      <c r="V71" s="205"/>
      <c r="W71" s="205"/>
      <c r="X71" s="205"/>
      <c r="Y71" s="205"/>
      <c r="Z71" s="205"/>
      <c r="AA71" s="205"/>
      <c r="AB71" s="205"/>
      <c r="AC71" s="205"/>
      <c r="AD71" s="205"/>
      <c r="AE71" s="205"/>
      <c r="AF71" s="205"/>
      <c r="AG71" s="205"/>
      <c r="AH71" s="205"/>
      <c r="AI71" s="205"/>
      <c r="AJ71" s="205"/>
      <c r="AK71" s="205"/>
      <c r="AL71" s="205"/>
      <c r="AM71" s="205"/>
      <c r="AN71" s="205"/>
      <c r="AO71" s="205"/>
      <c r="AP71" s="205"/>
      <c r="AQ71" s="205"/>
      <c r="AR71" s="205"/>
      <c r="AS71" s="205"/>
      <c r="AT71" s="205"/>
      <c r="AU71" s="205"/>
      <c r="AV71" s="205"/>
      <c r="AW71" s="205"/>
      <c r="AX71" s="205"/>
      <c r="AY71" s="205"/>
      <c r="AZ71" s="205"/>
    </row>
    <row r="72" spans="4:52" x14ac:dyDescent="0.55000000000000004">
      <c r="D72" s="205"/>
      <c r="E72" s="205"/>
      <c r="F72" s="205"/>
      <c r="G72" s="205"/>
      <c r="H72" s="205"/>
      <c r="I72" s="205"/>
      <c r="J72" s="205"/>
      <c r="K72" s="205"/>
      <c r="L72" s="205"/>
      <c r="M72" s="205"/>
      <c r="N72" s="205"/>
      <c r="O72" s="205"/>
      <c r="P72" s="205"/>
      <c r="Q72" s="205"/>
      <c r="R72" s="205"/>
      <c r="S72" s="205"/>
      <c r="T72" s="205"/>
      <c r="U72" s="205"/>
      <c r="V72" s="205"/>
      <c r="W72" s="205"/>
      <c r="X72" s="205"/>
      <c r="Y72" s="205"/>
      <c r="Z72" s="205"/>
      <c r="AA72" s="205"/>
      <c r="AB72" s="205"/>
      <c r="AC72" s="205"/>
      <c r="AD72" s="205"/>
      <c r="AE72" s="205"/>
      <c r="AF72" s="205"/>
      <c r="AG72" s="205"/>
      <c r="AH72" s="205"/>
      <c r="AI72" s="205"/>
      <c r="AJ72" s="205"/>
      <c r="AK72" s="205"/>
      <c r="AL72" s="205"/>
      <c r="AM72" s="205"/>
      <c r="AN72" s="205"/>
      <c r="AO72" s="205"/>
      <c r="AP72" s="205"/>
      <c r="AQ72" s="205"/>
      <c r="AR72" s="205"/>
      <c r="AS72" s="205"/>
      <c r="AT72" s="205"/>
      <c r="AU72" s="205"/>
      <c r="AV72" s="205"/>
      <c r="AW72" s="205"/>
      <c r="AX72" s="205"/>
      <c r="AY72" s="205"/>
      <c r="AZ72" s="205"/>
    </row>
    <row r="73" spans="4:52" x14ac:dyDescent="0.55000000000000004">
      <c r="D73" s="205"/>
      <c r="E73" s="205"/>
      <c r="F73" s="205"/>
      <c r="G73" s="205"/>
      <c r="H73" s="205"/>
      <c r="I73" s="205"/>
      <c r="J73" s="205"/>
      <c r="K73" s="205"/>
      <c r="L73" s="205"/>
      <c r="M73" s="205"/>
      <c r="N73" s="205"/>
      <c r="O73" s="205"/>
      <c r="P73" s="205"/>
      <c r="Q73" s="205"/>
      <c r="R73" s="205"/>
      <c r="S73" s="205"/>
      <c r="T73" s="205"/>
      <c r="U73" s="205"/>
      <c r="V73" s="205"/>
      <c r="W73" s="205"/>
      <c r="X73" s="205"/>
      <c r="Y73" s="205"/>
      <c r="Z73" s="205"/>
      <c r="AA73" s="205"/>
      <c r="AB73" s="205"/>
      <c r="AC73" s="205"/>
      <c r="AD73" s="205"/>
      <c r="AE73" s="205"/>
      <c r="AF73" s="205"/>
      <c r="AG73" s="205"/>
      <c r="AH73" s="205"/>
      <c r="AI73" s="205"/>
      <c r="AJ73" s="205"/>
      <c r="AK73" s="205"/>
      <c r="AL73" s="205"/>
      <c r="AM73" s="205"/>
      <c r="AN73" s="205"/>
      <c r="AO73" s="205"/>
      <c r="AP73" s="205"/>
      <c r="AQ73" s="205"/>
      <c r="AR73" s="205"/>
      <c r="AS73" s="205"/>
      <c r="AT73" s="205"/>
      <c r="AU73" s="205"/>
      <c r="AV73" s="205"/>
      <c r="AW73" s="205"/>
      <c r="AX73" s="205"/>
      <c r="AY73" s="205"/>
      <c r="AZ73" s="205"/>
    </row>
    <row r="74" spans="4:52" x14ac:dyDescent="0.55000000000000004">
      <c r="D74" s="205"/>
      <c r="E74" s="205"/>
      <c r="F74" s="205"/>
      <c r="G74" s="205"/>
      <c r="H74" s="205"/>
      <c r="I74" s="205"/>
      <c r="J74" s="205"/>
      <c r="K74" s="205"/>
      <c r="L74" s="205"/>
      <c r="M74" s="205"/>
      <c r="N74" s="205"/>
      <c r="O74" s="205"/>
      <c r="P74" s="205"/>
      <c r="Q74" s="205"/>
      <c r="R74" s="205"/>
      <c r="S74" s="205"/>
      <c r="T74" s="205"/>
      <c r="U74" s="205"/>
      <c r="V74" s="205"/>
      <c r="W74" s="205"/>
      <c r="X74" s="205"/>
      <c r="Y74" s="205"/>
      <c r="Z74" s="205"/>
      <c r="AA74" s="205"/>
      <c r="AB74" s="205"/>
      <c r="AC74" s="205"/>
      <c r="AD74" s="205"/>
      <c r="AE74" s="205"/>
      <c r="AF74" s="205"/>
      <c r="AG74" s="205"/>
      <c r="AH74" s="205"/>
      <c r="AI74" s="205"/>
      <c r="AJ74" s="205"/>
      <c r="AK74" s="205"/>
      <c r="AL74" s="205"/>
      <c r="AM74" s="205"/>
      <c r="AN74" s="205"/>
      <c r="AO74" s="205"/>
      <c r="AP74" s="205"/>
      <c r="AQ74" s="205"/>
      <c r="AR74" s="205"/>
      <c r="AS74" s="205"/>
      <c r="AT74" s="205"/>
      <c r="AU74" s="205"/>
      <c r="AV74" s="205"/>
      <c r="AW74" s="205"/>
      <c r="AX74" s="205"/>
      <c r="AY74" s="205"/>
      <c r="AZ74" s="205"/>
    </row>
    <row r="75" spans="4:52" x14ac:dyDescent="0.55000000000000004">
      <c r="D75" s="205"/>
      <c r="E75" s="205"/>
      <c r="F75" s="205"/>
      <c r="G75" s="205"/>
      <c r="H75" s="205"/>
      <c r="I75" s="205"/>
      <c r="J75" s="205"/>
      <c r="K75" s="205"/>
      <c r="L75" s="205"/>
      <c r="M75" s="205"/>
      <c r="N75" s="205"/>
      <c r="O75" s="205"/>
      <c r="P75" s="205"/>
      <c r="Q75" s="205"/>
      <c r="R75" s="205"/>
      <c r="S75" s="205"/>
      <c r="T75" s="205"/>
      <c r="U75" s="205"/>
      <c r="V75" s="205"/>
      <c r="W75" s="205"/>
      <c r="X75" s="205"/>
      <c r="Y75" s="205"/>
      <c r="Z75" s="205"/>
      <c r="AA75" s="205"/>
      <c r="AB75" s="205"/>
      <c r="AC75" s="205"/>
      <c r="AD75" s="205"/>
      <c r="AE75" s="205"/>
      <c r="AF75" s="205"/>
      <c r="AG75" s="205"/>
      <c r="AH75" s="205"/>
      <c r="AI75" s="205"/>
      <c r="AJ75" s="205"/>
      <c r="AK75" s="205"/>
      <c r="AL75" s="205"/>
      <c r="AM75" s="205"/>
      <c r="AN75" s="205"/>
      <c r="AO75" s="205"/>
      <c r="AP75" s="205"/>
      <c r="AQ75" s="205"/>
      <c r="AR75" s="205"/>
      <c r="AS75" s="205"/>
      <c r="AT75" s="205"/>
      <c r="AU75" s="205"/>
      <c r="AV75" s="205"/>
      <c r="AW75" s="205"/>
      <c r="AX75" s="205"/>
      <c r="AY75" s="205"/>
      <c r="AZ75" s="205"/>
    </row>
    <row r="76" spans="4:52" x14ac:dyDescent="0.55000000000000004">
      <c r="D76" s="205"/>
      <c r="E76" s="205"/>
      <c r="F76" s="205"/>
      <c r="G76" s="205"/>
      <c r="H76" s="205"/>
      <c r="I76" s="205"/>
      <c r="J76" s="205"/>
      <c r="K76" s="205"/>
      <c r="L76" s="205"/>
      <c r="M76" s="205"/>
      <c r="N76" s="205"/>
      <c r="O76" s="205"/>
      <c r="P76" s="205"/>
      <c r="Q76" s="205"/>
      <c r="R76" s="205"/>
      <c r="S76" s="205"/>
      <c r="T76" s="205"/>
      <c r="U76" s="205"/>
      <c r="V76" s="205"/>
      <c r="W76" s="205"/>
      <c r="X76" s="205"/>
      <c r="Y76" s="205"/>
      <c r="Z76" s="205"/>
      <c r="AA76" s="205"/>
      <c r="AB76" s="205"/>
      <c r="AC76" s="205"/>
      <c r="AD76" s="205"/>
      <c r="AE76" s="205"/>
      <c r="AF76" s="205"/>
      <c r="AG76" s="205"/>
      <c r="AH76" s="205"/>
      <c r="AI76" s="205"/>
      <c r="AJ76" s="205"/>
      <c r="AK76" s="205"/>
      <c r="AL76" s="205"/>
      <c r="AM76" s="205"/>
      <c r="AN76" s="205"/>
      <c r="AO76" s="205"/>
      <c r="AP76" s="205"/>
      <c r="AQ76" s="205"/>
      <c r="AR76" s="205"/>
      <c r="AS76" s="205"/>
      <c r="AT76" s="205"/>
      <c r="AU76" s="205"/>
      <c r="AV76" s="205"/>
      <c r="AW76" s="205"/>
      <c r="AX76" s="205"/>
      <c r="AY76" s="205"/>
      <c r="AZ76" s="205"/>
    </row>
    <row r="77" spans="4:52" x14ac:dyDescent="0.55000000000000004">
      <c r="D77" s="205"/>
      <c r="E77" s="205"/>
      <c r="F77" s="205"/>
      <c r="G77" s="205"/>
      <c r="H77" s="205"/>
      <c r="I77" s="205"/>
      <c r="J77" s="205"/>
      <c r="K77" s="205"/>
      <c r="L77" s="205"/>
      <c r="M77" s="205"/>
      <c r="N77" s="205"/>
      <c r="O77" s="205"/>
      <c r="P77" s="205"/>
      <c r="Q77" s="205"/>
      <c r="R77" s="205"/>
      <c r="S77" s="205"/>
      <c r="T77" s="205"/>
      <c r="U77" s="205"/>
      <c r="V77" s="205"/>
      <c r="W77" s="205"/>
      <c r="X77" s="205"/>
      <c r="Y77" s="205"/>
      <c r="Z77" s="205"/>
      <c r="AA77" s="205"/>
      <c r="AB77" s="205"/>
      <c r="AC77" s="205"/>
      <c r="AD77" s="205"/>
      <c r="AE77" s="205"/>
      <c r="AF77" s="205"/>
      <c r="AG77" s="205"/>
      <c r="AH77" s="205"/>
      <c r="AI77" s="205"/>
      <c r="AJ77" s="205"/>
      <c r="AK77" s="205"/>
      <c r="AL77" s="205"/>
      <c r="AM77" s="205"/>
      <c r="AN77" s="205"/>
      <c r="AO77" s="205"/>
      <c r="AP77" s="205"/>
      <c r="AQ77" s="205"/>
      <c r="AR77" s="205"/>
      <c r="AS77" s="205"/>
      <c r="AT77" s="205"/>
      <c r="AU77" s="205"/>
      <c r="AV77" s="205"/>
      <c r="AW77" s="205"/>
      <c r="AX77" s="205"/>
      <c r="AY77" s="205"/>
      <c r="AZ77" s="205"/>
    </row>
    <row r="78" spans="4:52" x14ac:dyDescent="0.55000000000000004">
      <c r="D78" s="205"/>
      <c r="E78" s="205"/>
      <c r="F78" s="205"/>
      <c r="G78" s="205"/>
      <c r="H78" s="205"/>
      <c r="I78" s="205"/>
      <c r="J78" s="205"/>
      <c r="K78" s="205"/>
      <c r="L78" s="205"/>
      <c r="M78" s="205"/>
      <c r="N78" s="205"/>
      <c r="O78" s="205"/>
      <c r="P78" s="205"/>
      <c r="Q78" s="205"/>
      <c r="R78" s="205"/>
      <c r="S78" s="205"/>
      <c r="T78" s="205"/>
      <c r="U78" s="205"/>
      <c r="V78" s="205"/>
      <c r="W78" s="205"/>
      <c r="X78" s="205"/>
      <c r="Y78" s="205"/>
      <c r="Z78" s="205"/>
      <c r="AA78" s="205"/>
      <c r="AB78" s="205"/>
      <c r="AC78" s="205"/>
      <c r="AD78" s="205"/>
      <c r="AE78" s="205"/>
      <c r="AF78" s="205"/>
      <c r="AG78" s="205"/>
      <c r="AH78" s="205"/>
      <c r="AI78" s="205"/>
      <c r="AJ78" s="205"/>
      <c r="AK78" s="205"/>
      <c r="AL78" s="205"/>
      <c r="AM78" s="205"/>
      <c r="AN78" s="205"/>
      <c r="AO78" s="205"/>
      <c r="AP78" s="205"/>
      <c r="AQ78" s="205"/>
      <c r="AR78" s="205"/>
      <c r="AS78" s="205"/>
      <c r="AT78" s="205"/>
      <c r="AU78" s="205"/>
      <c r="AV78" s="205"/>
      <c r="AW78" s="205"/>
      <c r="AX78" s="205"/>
      <c r="AY78" s="205"/>
      <c r="AZ78" s="205"/>
    </row>
    <row r="79" spans="4:52" x14ac:dyDescent="0.55000000000000004">
      <c r="D79" s="205"/>
      <c r="E79" s="205"/>
      <c r="F79" s="205"/>
      <c r="G79" s="205"/>
      <c r="H79" s="205"/>
      <c r="I79" s="205"/>
      <c r="J79" s="205"/>
      <c r="K79" s="205"/>
      <c r="L79" s="205"/>
      <c r="M79" s="205"/>
      <c r="N79" s="205"/>
      <c r="O79" s="205"/>
      <c r="P79" s="205"/>
      <c r="Q79" s="205"/>
      <c r="R79" s="205"/>
      <c r="S79" s="205"/>
      <c r="T79" s="205"/>
      <c r="U79" s="205"/>
      <c r="V79" s="205"/>
      <c r="W79" s="205"/>
      <c r="X79" s="205"/>
      <c r="Y79" s="205"/>
      <c r="Z79" s="205"/>
      <c r="AA79" s="205"/>
      <c r="AB79" s="205"/>
      <c r="AC79" s="205"/>
      <c r="AD79" s="205"/>
      <c r="AE79" s="205"/>
      <c r="AF79" s="205"/>
      <c r="AG79" s="205"/>
      <c r="AH79" s="205"/>
      <c r="AI79" s="205"/>
      <c r="AJ79" s="205"/>
      <c r="AK79" s="205"/>
      <c r="AL79" s="205"/>
      <c r="AM79" s="205"/>
      <c r="AN79" s="205"/>
      <c r="AO79" s="205"/>
      <c r="AP79" s="205"/>
      <c r="AQ79" s="205"/>
      <c r="AR79" s="205"/>
      <c r="AS79" s="205"/>
      <c r="AT79" s="205"/>
      <c r="AU79" s="205"/>
      <c r="AV79" s="205"/>
      <c r="AW79" s="205"/>
      <c r="AX79" s="205"/>
      <c r="AY79" s="205"/>
      <c r="AZ79" s="205"/>
    </row>
    <row r="80" spans="4:52" x14ac:dyDescent="0.55000000000000004">
      <c r="D80" s="205"/>
      <c r="E80" s="205"/>
      <c r="F80" s="205"/>
      <c r="G80" s="205"/>
      <c r="H80" s="205"/>
      <c r="I80" s="205"/>
      <c r="J80" s="205"/>
      <c r="K80" s="205"/>
      <c r="L80" s="205"/>
      <c r="M80" s="205"/>
      <c r="N80" s="205"/>
      <c r="O80" s="205"/>
      <c r="P80" s="205"/>
      <c r="Q80" s="205"/>
      <c r="R80" s="205"/>
      <c r="S80" s="205"/>
      <c r="T80" s="205"/>
      <c r="U80" s="205"/>
      <c r="V80" s="205"/>
      <c r="W80" s="205"/>
      <c r="X80" s="205"/>
      <c r="Y80" s="205"/>
      <c r="Z80" s="205"/>
      <c r="AA80" s="205"/>
      <c r="AB80" s="205"/>
      <c r="AC80" s="205"/>
      <c r="AD80" s="205"/>
      <c r="AE80" s="205"/>
      <c r="AF80" s="205"/>
      <c r="AG80" s="205"/>
      <c r="AH80" s="205"/>
      <c r="AI80" s="205"/>
      <c r="AJ80" s="205"/>
      <c r="AK80" s="205"/>
      <c r="AL80" s="205"/>
      <c r="AM80" s="205"/>
      <c r="AN80" s="205"/>
      <c r="AO80" s="205"/>
      <c r="AP80" s="205"/>
      <c r="AQ80" s="205"/>
      <c r="AR80" s="205"/>
      <c r="AS80" s="205"/>
      <c r="AT80" s="205"/>
      <c r="AU80" s="205"/>
      <c r="AV80" s="205"/>
      <c r="AW80" s="205"/>
      <c r="AX80" s="205"/>
      <c r="AY80" s="205"/>
      <c r="AZ80" s="205"/>
    </row>
    <row r="81" spans="4:52" x14ac:dyDescent="0.55000000000000004">
      <c r="D81" s="205"/>
      <c r="E81" s="205"/>
      <c r="F81" s="205"/>
      <c r="G81" s="205"/>
      <c r="H81" s="205"/>
      <c r="I81" s="205"/>
      <c r="J81" s="205"/>
      <c r="K81" s="205"/>
      <c r="L81" s="205"/>
      <c r="M81" s="205"/>
      <c r="N81" s="205"/>
      <c r="O81" s="205"/>
      <c r="P81" s="205"/>
      <c r="Q81" s="205"/>
      <c r="R81" s="205"/>
      <c r="S81" s="205"/>
      <c r="T81" s="205"/>
      <c r="U81" s="205"/>
      <c r="V81" s="205"/>
      <c r="W81" s="205"/>
      <c r="X81" s="205"/>
      <c r="Y81" s="205"/>
      <c r="Z81" s="205"/>
      <c r="AA81" s="205"/>
      <c r="AB81" s="205"/>
      <c r="AC81" s="205"/>
      <c r="AD81" s="205"/>
      <c r="AE81" s="205"/>
      <c r="AF81" s="205"/>
      <c r="AG81" s="205"/>
      <c r="AH81" s="205"/>
      <c r="AI81" s="205"/>
      <c r="AJ81" s="205"/>
      <c r="AK81" s="205"/>
      <c r="AL81" s="205"/>
      <c r="AM81" s="205"/>
      <c r="AN81" s="205"/>
      <c r="AO81" s="205"/>
      <c r="AP81" s="205"/>
      <c r="AQ81" s="205"/>
      <c r="AR81" s="205"/>
      <c r="AS81" s="205"/>
      <c r="AT81" s="205"/>
      <c r="AU81" s="205"/>
      <c r="AV81" s="205"/>
      <c r="AW81" s="205"/>
      <c r="AX81" s="205"/>
      <c r="AY81" s="205"/>
      <c r="AZ81" s="205"/>
    </row>
    <row r="82" spans="4:52" x14ac:dyDescent="0.55000000000000004">
      <c r="D82" s="205"/>
      <c r="E82" s="205"/>
      <c r="F82" s="205"/>
      <c r="G82" s="205"/>
      <c r="H82" s="205"/>
      <c r="I82" s="205"/>
      <c r="J82" s="205"/>
      <c r="K82" s="205"/>
      <c r="L82" s="205"/>
      <c r="M82" s="205"/>
      <c r="N82" s="205"/>
      <c r="O82" s="205"/>
      <c r="P82" s="205"/>
      <c r="Q82" s="205"/>
      <c r="R82" s="205"/>
      <c r="S82" s="205"/>
      <c r="T82" s="205"/>
      <c r="U82" s="205"/>
      <c r="V82" s="205"/>
      <c r="W82" s="205"/>
      <c r="X82" s="205"/>
      <c r="Y82" s="205"/>
      <c r="Z82" s="205"/>
      <c r="AA82" s="205"/>
      <c r="AB82" s="205"/>
      <c r="AC82" s="205"/>
      <c r="AD82" s="205"/>
      <c r="AE82" s="205"/>
      <c r="AF82" s="205"/>
      <c r="AG82" s="205"/>
      <c r="AH82" s="205"/>
      <c r="AI82" s="205"/>
      <c r="AJ82" s="205"/>
      <c r="AK82" s="205"/>
      <c r="AL82" s="205"/>
      <c r="AM82" s="205"/>
      <c r="AN82" s="205"/>
      <c r="AO82" s="205"/>
      <c r="AP82" s="205"/>
      <c r="AQ82" s="205"/>
      <c r="AR82" s="205"/>
      <c r="AS82" s="205"/>
      <c r="AT82" s="205"/>
      <c r="AU82" s="205"/>
      <c r="AV82" s="205"/>
      <c r="AW82" s="205"/>
      <c r="AX82" s="205"/>
      <c r="AY82" s="205"/>
      <c r="AZ82" s="205"/>
    </row>
    <row r="83" spans="4:52" x14ac:dyDescent="0.55000000000000004">
      <c r="D83" s="205"/>
      <c r="E83" s="205"/>
      <c r="F83" s="205"/>
      <c r="G83" s="205"/>
      <c r="H83" s="205"/>
      <c r="I83" s="205"/>
      <c r="J83" s="205"/>
      <c r="K83" s="205"/>
      <c r="L83" s="205"/>
      <c r="M83" s="205"/>
      <c r="N83" s="205"/>
      <c r="O83" s="205"/>
      <c r="P83" s="205"/>
      <c r="Q83" s="205"/>
      <c r="R83" s="205"/>
      <c r="S83" s="205"/>
      <c r="T83" s="205"/>
      <c r="U83" s="205"/>
      <c r="V83" s="205"/>
      <c r="W83" s="205"/>
      <c r="X83" s="205"/>
      <c r="Y83" s="205"/>
      <c r="Z83" s="205"/>
      <c r="AA83" s="205"/>
      <c r="AB83" s="205"/>
      <c r="AC83" s="205"/>
      <c r="AD83" s="205"/>
      <c r="AE83" s="205"/>
      <c r="AF83" s="205"/>
      <c r="AG83" s="205"/>
      <c r="AH83" s="205"/>
      <c r="AI83" s="205"/>
      <c r="AJ83" s="205"/>
      <c r="AK83" s="205"/>
      <c r="AL83" s="205"/>
      <c r="AM83" s="205"/>
      <c r="AN83" s="205"/>
      <c r="AO83" s="205"/>
      <c r="AP83" s="205"/>
      <c r="AQ83" s="205"/>
      <c r="AR83" s="205"/>
      <c r="AS83" s="205"/>
      <c r="AT83" s="205"/>
      <c r="AU83" s="205"/>
      <c r="AV83" s="205"/>
      <c r="AW83" s="205"/>
      <c r="AX83" s="205"/>
      <c r="AY83" s="205"/>
      <c r="AZ83" s="205"/>
    </row>
    <row r="84" spans="4:52" x14ac:dyDescent="0.55000000000000004">
      <c r="D84" s="205"/>
      <c r="E84" s="205"/>
      <c r="F84" s="205"/>
      <c r="G84" s="205"/>
      <c r="H84" s="205"/>
      <c r="I84" s="205"/>
      <c r="J84" s="205"/>
      <c r="K84" s="205"/>
      <c r="L84" s="205"/>
      <c r="M84" s="205"/>
      <c r="N84" s="205"/>
      <c r="O84" s="205"/>
      <c r="P84" s="205"/>
      <c r="Q84" s="205"/>
      <c r="R84" s="205"/>
      <c r="S84" s="205"/>
      <c r="T84" s="205"/>
      <c r="U84" s="205"/>
      <c r="V84" s="205"/>
      <c r="W84" s="205"/>
      <c r="X84" s="205"/>
      <c r="Y84" s="205"/>
      <c r="Z84" s="205"/>
      <c r="AA84" s="205"/>
      <c r="AB84" s="205"/>
      <c r="AC84" s="205"/>
      <c r="AD84" s="205"/>
      <c r="AE84" s="205"/>
      <c r="AF84" s="205"/>
      <c r="AG84" s="205"/>
      <c r="AH84" s="205"/>
      <c r="AI84" s="205"/>
      <c r="AJ84" s="205"/>
      <c r="AK84" s="205"/>
      <c r="AL84" s="205"/>
      <c r="AM84" s="205"/>
      <c r="AN84" s="205"/>
      <c r="AO84" s="205"/>
      <c r="AP84" s="205"/>
      <c r="AQ84" s="205"/>
      <c r="AR84" s="205"/>
      <c r="AS84" s="205"/>
      <c r="AT84" s="205"/>
      <c r="AU84" s="205"/>
      <c r="AV84" s="205"/>
      <c r="AW84" s="205"/>
      <c r="AX84" s="205"/>
      <c r="AY84" s="205"/>
      <c r="AZ84" s="205"/>
    </row>
    <row r="85" spans="4:52" x14ac:dyDescent="0.55000000000000004">
      <c r="D85" s="205"/>
      <c r="E85" s="205"/>
      <c r="F85" s="205"/>
      <c r="G85" s="205"/>
      <c r="H85" s="205"/>
      <c r="I85" s="205"/>
      <c r="J85" s="205"/>
      <c r="K85" s="205"/>
      <c r="L85" s="205"/>
      <c r="M85" s="205"/>
      <c r="N85" s="205"/>
      <c r="O85" s="205"/>
      <c r="P85" s="205"/>
      <c r="Q85" s="205"/>
      <c r="R85" s="205"/>
      <c r="S85" s="205"/>
      <c r="T85" s="205"/>
      <c r="U85" s="205"/>
      <c r="V85" s="205"/>
      <c r="W85" s="205"/>
      <c r="X85" s="205"/>
      <c r="Y85" s="205"/>
      <c r="Z85" s="205"/>
      <c r="AA85" s="205"/>
      <c r="AB85" s="205"/>
      <c r="AC85" s="205"/>
      <c r="AD85" s="205"/>
      <c r="AE85" s="205"/>
      <c r="AF85" s="205"/>
      <c r="AG85" s="205"/>
      <c r="AH85" s="205"/>
      <c r="AI85" s="205"/>
      <c r="AJ85" s="205"/>
      <c r="AK85" s="205"/>
      <c r="AL85" s="205"/>
      <c r="AM85" s="205"/>
      <c r="AN85" s="205"/>
      <c r="AO85" s="205"/>
      <c r="AP85" s="205"/>
      <c r="AQ85" s="205"/>
      <c r="AR85" s="205"/>
      <c r="AS85" s="205"/>
      <c r="AT85" s="205"/>
      <c r="AU85" s="205"/>
      <c r="AV85" s="205"/>
      <c r="AW85" s="205"/>
      <c r="AX85" s="205"/>
      <c r="AY85" s="205"/>
      <c r="AZ85" s="205"/>
    </row>
    <row r="86" spans="4:52" x14ac:dyDescent="0.55000000000000004">
      <c r="D86" s="205"/>
      <c r="E86" s="205"/>
      <c r="F86" s="205"/>
      <c r="G86" s="205"/>
      <c r="H86" s="205"/>
      <c r="I86" s="205"/>
      <c r="J86" s="205"/>
      <c r="K86" s="205"/>
      <c r="L86" s="205"/>
      <c r="M86" s="205"/>
      <c r="N86" s="205"/>
      <c r="O86" s="205"/>
      <c r="P86" s="205"/>
      <c r="Q86" s="205"/>
      <c r="R86" s="205"/>
      <c r="S86" s="205"/>
      <c r="T86" s="205"/>
      <c r="U86" s="205"/>
      <c r="V86" s="205"/>
      <c r="W86" s="205"/>
      <c r="X86" s="205"/>
      <c r="Y86" s="205"/>
      <c r="Z86" s="205"/>
      <c r="AA86" s="205"/>
      <c r="AB86" s="205"/>
      <c r="AC86" s="205"/>
      <c r="AD86" s="205"/>
      <c r="AE86" s="205"/>
      <c r="AF86" s="205"/>
      <c r="AG86" s="205"/>
      <c r="AH86" s="205"/>
      <c r="AI86" s="205"/>
      <c r="AJ86" s="205"/>
      <c r="AK86" s="205"/>
      <c r="AL86" s="205"/>
      <c r="AM86" s="205"/>
      <c r="AN86" s="205"/>
      <c r="AO86" s="205"/>
      <c r="AP86" s="205"/>
      <c r="AQ86" s="205"/>
      <c r="AR86" s="205"/>
      <c r="AS86" s="205"/>
      <c r="AT86" s="205"/>
      <c r="AU86" s="205"/>
      <c r="AV86" s="205"/>
      <c r="AW86" s="205"/>
      <c r="AX86" s="205"/>
      <c r="AY86" s="205"/>
      <c r="AZ86" s="205"/>
    </row>
    <row r="87" spans="4:52" x14ac:dyDescent="0.55000000000000004">
      <c r="D87" s="205"/>
      <c r="E87" s="205"/>
      <c r="F87" s="205"/>
      <c r="G87" s="205"/>
      <c r="H87" s="205"/>
      <c r="I87" s="205"/>
      <c r="J87" s="205"/>
      <c r="K87" s="205"/>
      <c r="L87" s="205"/>
      <c r="M87" s="205"/>
      <c r="N87" s="205"/>
      <c r="O87" s="205"/>
      <c r="P87" s="205"/>
      <c r="Q87" s="205"/>
      <c r="R87" s="205"/>
      <c r="S87" s="205"/>
      <c r="T87" s="205"/>
      <c r="U87" s="205"/>
      <c r="V87" s="205"/>
      <c r="W87" s="205"/>
      <c r="X87" s="205"/>
      <c r="Y87" s="205"/>
      <c r="Z87" s="205"/>
      <c r="AA87" s="205"/>
      <c r="AB87" s="205"/>
      <c r="AC87" s="205"/>
      <c r="AD87" s="205"/>
      <c r="AE87" s="205"/>
      <c r="AF87" s="205"/>
      <c r="AG87" s="205"/>
      <c r="AH87" s="205"/>
      <c r="AI87" s="205"/>
      <c r="AJ87" s="205"/>
      <c r="AK87" s="205"/>
      <c r="AL87" s="205"/>
      <c r="AM87" s="205"/>
      <c r="AN87" s="205"/>
      <c r="AO87" s="205"/>
      <c r="AP87" s="205"/>
      <c r="AQ87" s="205"/>
      <c r="AR87" s="205"/>
      <c r="AS87" s="205"/>
      <c r="AT87" s="205"/>
      <c r="AU87" s="205"/>
      <c r="AV87" s="205"/>
      <c r="AW87" s="205"/>
      <c r="AX87" s="205"/>
      <c r="AY87" s="205"/>
      <c r="AZ87" s="205"/>
    </row>
    <row r="88" spans="4:52" x14ac:dyDescent="0.55000000000000004">
      <c r="D88" s="205"/>
      <c r="E88" s="205"/>
      <c r="F88" s="205"/>
      <c r="G88" s="205"/>
      <c r="H88" s="205"/>
      <c r="I88" s="205"/>
      <c r="J88" s="205"/>
      <c r="K88" s="205"/>
      <c r="L88" s="205"/>
      <c r="M88" s="205"/>
      <c r="N88" s="205"/>
      <c r="O88" s="205"/>
      <c r="P88" s="205"/>
      <c r="Q88" s="205"/>
      <c r="R88" s="205"/>
      <c r="S88" s="205"/>
      <c r="T88" s="205"/>
      <c r="U88" s="205"/>
      <c r="V88" s="205"/>
      <c r="W88" s="205"/>
      <c r="X88" s="205"/>
      <c r="Y88" s="205"/>
      <c r="Z88" s="205"/>
      <c r="AA88" s="205"/>
      <c r="AB88" s="205"/>
      <c r="AC88" s="205"/>
      <c r="AD88" s="205"/>
      <c r="AE88" s="205"/>
      <c r="AF88" s="205"/>
      <c r="AG88" s="205"/>
      <c r="AH88" s="205"/>
      <c r="AI88" s="205"/>
      <c r="AJ88" s="205"/>
      <c r="AK88" s="205"/>
      <c r="AL88" s="205"/>
      <c r="AM88" s="205"/>
      <c r="AN88" s="205"/>
      <c r="AO88" s="205"/>
      <c r="AP88" s="205"/>
      <c r="AQ88" s="205"/>
      <c r="AR88" s="205"/>
      <c r="AS88" s="205"/>
      <c r="AT88" s="205"/>
      <c r="AU88" s="205"/>
      <c r="AV88" s="205"/>
      <c r="AW88" s="205"/>
      <c r="AX88" s="205"/>
      <c r="AY88" s="205"/>
      <c r="AZ88" s="205"/>
    </row>
    <row r="89" spans="4:52" x14ac:dyDescent="0.55000000000000004">
      <c r="D89" s="205"/>
      <c r="E89" s="205"/>
      <c r="F89" s="205"/>
      <c r="G89" s="205"/>
      <c r="H89" s="205"/>
      <c r="I89" s="205"/>
      <c r="J89" s="205"/>
      <c r="K89" s="205"/>
      <c r="L89" s="205"/>
      <c r="M89" s="205"/>
      <c r="N89" s="205"/>
      <c r="O89" s="205"/>
      <c r="P89" s="205"/>
      <c r="Q89" s="205"/>
      <c r="R89" s="205"/>
      <c r="S89" s="205"/>
      <c r="T89" s="205"/>
      <c r="U89" s="205"/>
      <c r="V89" s="205"/>
      <c r="W89" s="205"/>
      <c r="X89" s="205"/>
      <c r="Y89" s="205"/>
      <c r="Z89" s="205"/>
      <c r="AA89" s="205"/>
      <c r="AB89" s="205"/>
      <c r="AC89" s="205"/>
      <c r="AD89" s="205"/>
      <c r="AE89" s="205"/>
      <c r="AF89" s="205"/>
      <c r="AG89" s="205"/>
      <c r="AH89" s="205"/>
      <c r="AI89" s="205"/>
      <c r="AJ89" s="205"/>
      <c r="AK89" s="205"/>
      <c r="AL89" s="205"/>
      <c r="AM89" s="205"/>
      <c r="AN89" s="205"/>
      <c r="AO89" s="205"/>
      <c r="AP89" s="205"/>
      <c r="AQ89" s="205"/>
      <c r="AR89" s="205"/>
      <c r="AS89" s="205"/>
      <c r="AT89" s="205"/>
      <c r="AU89" s="205"/>
      <c r="AV89" s="205"/>
      <c r="AW89" s="205"/>
      <c r="AX89" s="205"/>
      <c r="AY89" s="205"/>
      <c r="AZ89" s="205"/>
    </row>
    <row r="90" spans="4:52" x14ac:dyDescent="0.55000000000000004">
      <c r="D90" s="205"/>
      <c r="E90" s="205"/>
      <c r="F90" s="205"/>
      <c r="G90" s="205"/>
      <c r="H90" s="205"/>
      <c r="I90" s="205"/>
      <c r="J90" s="205"/>
      <c r="K90" s="205"/>
      <c r="L90" s="205"/>
      <c r="M90" s="205"/>
      <c r="N90" s="205"/>
      <c r="O90" s="205"/>
      <c r="P90" s="205"/>
      <c r="Q90" s="205"/>
      <c r="R90" s="205"/>
      <c r="S90" s="205"/>
      <c r="T90" s="205"/>
      <c r="U90" s="205"/>
      <c r="V90" s="205"/>
      <c r="W90" s="205"/>
      <c r="X90" s="205"/>
      <c r="Y90" s="205"/>
      <c r="Z90" s="205"/>
      <c r="AA90" s="205"/>
      <c r="AB90" s="205"/>
      <c r="AC90" s="205"/>
      <c r="AD90" s="205"/>
      <c r="AE90" s="205"/>
      <c r="AF90" s="205"/>
      <c r="AG90" s="205"/>
      <c r="AH90" s="205"/>
      <c r="AI90" s="205"/>
      <c r="AJ90" s="205"/>
      <c r="AK90" s="205"/>
      <c r="AL90" s="205"/>
      <c r="AM90" s="205"/>
      <c r="AN90" s="205"/>
      <c r="AO90" s="205"/>
      <c r="AP90" s="205"/>
      <c r="AQ90" s="205"/>
      <c r="AR90" s="205"/>
      <c r="AS90" s="205"/>
      <c r="AT90" s="205"/>
      <c r="AU90" s="205"/>
      <c r="AV90" s="205"/>
      <c r="AW90" s="205"/>
      <c r="AX90" s="205"/>
      <c r="AY90" s="205"/>
      <c r="AZ90" s="205"/>
    </row>
    <row r="91" spans="4:52" x14ac:dyDescent="0.55000000000000004">
      <c r="D91" s="205"/>
      <c r="E91" s="205"/>
      <c r="F91" s="205"/>
      <c r="G91" s="205"/>
      <c r="H91" s="205"/>
      <c r="I91" s="205"/>
      <c r="J91" s="205"/>
      <c r="K91" s="205"/>
      <c r="L91" s="205"/>
      <c r="M91" s="205"/>
      <c r="N91" s="205"/>
      <c r="O91" s="205"/>
      <c r="P91" s="205"/>
      <c r="Q91" s="205"/>
      <c r="R91" s="205"/>
      <c r="S91" s="205"/>
      <c r="T91" s="205"/>
      <c r="U91" s="205"/>
      <c r="V91" s="205"/>
      <c r="W91" s="205"/>
      <c r="X91" s="205"/>
      <c r="Y91" s="205"/>
      <c r="Z91" s="205"/>
      <c r="AA91" s="205"/>
      <c r="AB91" s="205"/>
      <c r="AC91" s="205"/>
      <c r="AD91" s="205"/>
      <c r="AE91" s="205"/>
      <c r="AF91" s="205"/>
      <c r="AG91" s="205"/>
      <c r="AH91" s="205"/>
      <c r="AI91" s="205"/>
      <c r="AJ91" s="205"/>
      <c r="AK91" s="205"/>
      <c r="AL91" s="205"/>
      <c r="AM91" s="205"/>
      <c r="AN91" s="205"/>
      <c r="AO91" s="205"/>
      <c r="AP91" s="205"/>
      <c r="AQ91" s="205"/>
      <c r="AR91" s="205"/>
      <c r="AS91" s="205"/>
      <c r="AT91" s="205"/>
      <c r="AU91" s="205"/>
      <c r="AV91" s="205"/>
      <c r="AW91" s="205"/>
      <c r="AX91" s="205"/>
      <c r="AY91" s="205"/>
      <c r="AZ91" s="205"/>
    </row>
    <row r="92" spans="4:52" x14ac:dyDescent="0.55000000000000004">
      <c r="D92" s="205"/>
      <c r="E92" s="205"/>
      <c r="F92" s="205"/>
      <c r="G92" s="205"/>
      <c r="H92" s="205"/>
      <c r="I92" s="205"/>
      <c r="J92" s="205"/>
      <c r="K92" s="205"/>
      <c r="L92" s="205"/>
      <c r="M92" s="205"/>
      <c r="N92" s="205"/>
      <c r="O92" s="205"/>
      <c r="P92" s="205"/>
      <c r="Q92" s="205"/>
      <c r="R92" s="205"/>
      <c r="S92" s="205"/>
      <c r="T92" s="205"/>
      <c r="U92" s="205"/>
      <c r="V92" s="205"/>
      <c r="W92" s="205"/>
      <c r="X92" s="205"/>
      <c r="Y92" s="205"/>
      <c r="Z92" s="205"/>
      <c r="AA92" s="205"/>
      <c r="AB92" s="205"/>
      <c r="AC92" s="205"/>
      <c r="AD92" s="205"/>
      <c r="AE92" s="205"/>
      <c r="AF92" s="205"/>
      <c r="AG92" s="205"/>
      <c r="AH92" s="205"/>
      <c r="AI92" s="205"/>
      <c r="AJ92" s="205"/>
      <c r="AK92" s="205"/>
      <c r="AL92" s="205"/>
      <c r="AM92" s="205"/>
      <c r="AN92" s="205"/>
      <c r="AO92" s="205"/>
      <c r="AP92" s="205"/>
      <c r="AQ92" s="205"/>
      <c r="AR92" s="205"/>
      <c r="AS92" s="205"/>
      <c r="AT92" s="205"/>
      <c r="AU92" s="205"/>
      <c r="AV92" s="205"/>
      <c r="AW92" s="205"/>
      <c r="AX92" s="205"/>
      <c r="AY92" s="205"/>
      <c r="AZ92" s="205"/>
    </row>
    <row r="93" spans="4:52" x14ac:dyDescent="0.55000000000000004">
      <c r="D93" s="205"/>
      <c r="E93" s="205"/>
      <c r="F93" s="205"/>
      <c r="G93" s="205"/>
      <c r="H93" s="205"/>
      <c r="I93" s="205"/>
      <c r="J93" s="205"/>
      <c r="K93" s="205"/>
      <c r="L93" s="205"/>
      <c r="M93" s="205"/>
      <c r="N93" s="205"/>
      <c r="O93" s="205"/>
      <c r="P93" s="205"/>
      <c r="Q93" s="205"/>
      <c r="R93" s="205"/>
      <c r="S93" s="205"/>
      <c r="T93" s="205"/>
      <c r="U93" s="205"/>
      <c r="V93" s="205"/>
      <c r="W93" s="205"/>
      <c r="X93" s="205"/>
      <c r="Y93" s="205"/>
      <c r="Z93" s="205"/>
      <c r="AA93" s="205"/>
      <c r="AB93" s="205"/>
      <c r="AC93" s="205"/>
      <c r="AD93" s="205"/>
      <c r="AE93" s="205"/>
      <c r="AF93" s="205"/>
      <c r="AG93" s="205"/>
      <c r="AH93" s="205"/>
      <c r="AI93" s="205"/>
      <c r="AJ93" s="205"/>
      <c r="AK93" s="205"/>
      <c r="AL93" s="205"/>
      <c r="AM93" s="205"/>
      <c r="AN93" s="205"/>
      <c r="AO93" s="205"/>
      <c r="AP93" s="205"/>
      <c r="AQ93" s="205"/>
      <c r="AR93" s="205"/>
      <c r="AS93" s="205"/>
      <c r="AT93" s="205"/>
      <c r="AU93" s="205"/>
      <c r="AV93" s="205"/>
      <c r="AW93" s="205"/>
      <c r="AX93" s="205"/>
      <c r="AY93" s="205"/>
      <c r="AZ93" s="205"/>
    </row>
    <row r="94" spans="4:52" x14ac:dyDescent="0.55000000000000004">
      <c r="D94" s="205"/>
      <c r="E94" s="205"/>
      <c r="F94" s="205"/>
      <c r="G94" s="205"/>
      <c r="H94" s="205"/>
      <c r="I94" s="205"/>
      <c r="J94" s="205"/>
      <c r="K94" s="205"/>
      <c r="L94" s="205"/>
      <c r="M94" s="205"/>
      <c r="N94" s="205"/>
      <c r="O94" s="205"/>
      <c r="P94" s="205"/>
      <c r="Q94" s="205"/>
      <c r="R94" s="205"/>
      <c r="S94" s="205"/>
      <c r="T94" s="205"/>
      <c r="U94" s="205"/>
      <c r="V94" s="205"/>
      <c r="W94" s="205"/>
      <c r="X94" s="205"/>
      <c r="Y94" s="205"/>
      <c r="Z94" s="205"/>
      <c r="AA94" s="205"/>
      <c r="AB94" s="205"/>
      <c r="AC94" s="205"/>
      <c r="AD94" s="205"/>
      <c r="AE94" s="205"/>
      <c r="AF94" s="205"/>
      <c r="AG94" s="205"/>
      <c r="AH94" s="205"/>
      <c r="AI94" s="205"/>
      <c r="AJ94" s="205"/>
      <c r="AK94" s="205"/>
      <c r="AL94" s="205"/>
      <c r="AM94" s="205"/>
      <c r="AN94" s="205"/>
      <c r="AO94" s="205"/>
      <c r="AP94" s="205"/>
      <c r="AQ94" s="205"/>
      <c r="AR94" s="205"/>
      <c r="AS94" s="205"/>
      <c r="AT94" s="205"/>
      <c r="AU94" s="205"/>
      <c r="AV94" s="205"/>
      <c r="AW94" s="205"/>
      <c r="AX94" s="205"/>
      <c r="AY94" s="205"/>
      <c r="AZ94" s="205"/>
    </row>
    <row r="95" spans="4:52" x14ac:dyDescent="0.55000000000000004">
      <c r="D95" s="205"/>
      <c r="E95" s="205"/>
      <c r="F95" s="205"/>
      <c r="G95" s="205"/>
      <c r="H95" s="205"/>
      <c r="I95" s="205"/>
      <c r="J95" s="205"/>
      <c r="K95" s="205"/>
      <c r="L95" s="205"/>
      <c r="M95" s="205"/>
      <c r="N95" s="205"/>
      <c r="O95" s="205"/>
      <c r="P95" s="205"/>
      <c r="Q95" s="205"/>
      <c r="R95" s="205"/>
      <c r="S95" s="205"/>
      <c r="T95" s="205"/>
      <c r="U95" s="205"/>
      <c r="V95" s="205"/>
      <c r="W95" s="205"/>
      <c r="X95" s="205"/>
      <c r="Y95" s="205"/>
      <c r="Z95" s="205"/>
      <c r="AA95" s="205"/>
      <c r="AB95" s="205"/>
      <c r="AC95" s="205"/>
      <c r="AD95" s="205"/>
      <c r="AE95" s="205"/>
      <c r="AF95" s="205"/>
      <c r="AG95" s="205"/>
      <c r="AH95" s="205"/>
      <c r="AI95" s="205"/>
      <c r="AJ95" s="205"/>
      <c r="AK95" s="205"/>
      <c r="AL95" s="205"/>
      <c r="AM95" s="205"/>
      <c r="AN95" s="205"/>
      <c r="AO95" s="205"/>
      <c r="AP95" s="205"/>
      <c r="AQ95" s="205"/>
      <c r="AR95" s="205"/>
      <c r="AS95" s="205"/>
      <c r="AT95" s="205"/>
      <c r="AU95" s="205"/>
      <c r="AV95" s="205"/>
      <c r="AW95" s="205"/>
      <c r="AX95" s="205"/>
      <c r="AY95" s="205"/>
      <c r="AZ95" s="205"/>
    </row>
    <row r="96" spans="4:52" x14ac:dyDescent="0.55000000000000004">
      <c r="D96" s="205"/>
      <c r="E96" s="205"/>
      <c r="F96" s="205"/>
      <c r="G96" s="205"/>
      <c r="H96" s="205"/>
      <c r="I96" s="205"/>
      <c r="J96" s="205"/>
      <c r="K96" s="205"/>
      <c r="L96" s="205"/>
      <c r="M96" s="205"/>
      <c r="N96" s="205"/>
      <c r="O96" s="205"/>
      <c r="P96" s="205"/>
      <c r="Q96" s="205"/>
      <c r="R96" s="205"/>
      <c r="S96" s="205"/>
      <c r="T96" s="205"/>
      <c r="U96" s="205"/>
      <c r="V96" s="205"/>
      <c r="W96" s="205"/>
      <c r="X96" s="205"/>
      <c r="Y96" s="205"/>
      <c r="Z96" s="205"/>
      <c r="AA96" s="205"/>
      <c r="AB96" s="205"/>
      <c r="AC96" s="205"/>
      <c r="AD96" s="205"/>
      <c r="AE96" s="205"/>
      <c r="AF96" s="205"/>
      <c r="AG96" s="205"/>
      <c r="AH96" s="205"/>
      <c r="AI96" s="205"/>
      <c r="AJ96" s="205"/>
      <c r="AK96" s="205"/>
      <c r="AL96" s="205"/>
      <c r="AM96" s="205"/>
      <c r="AN96" s="205"/>
      <c r="AO96" s="205"/>
      <c r="AP96" s="205"/>
      <c r="AQ96" s="205"/>
      <c r="AR96" s="205"/>
      <c r="AS96" s="205"/>
      <c r="AT96" s="205"/>
      <c r="AU96" s="205"/>
      <c r="AV96" s="205"/>
      <c r="AW96" s="205"/>
      <c r="AX96" s="205"/>
      <c r="AY96" s="205"/>
      <c r="AZ96" s="205"/>
    </row>
    <row r="97" spans="4:52" x14ac:dyDescent="0.55000000000000004">
      <c r="D97" s="205"/>
      <c r="E97" s="205"/>
      <c r="F97" s="205"/>
      <c r="G97" s="205"/>
      <c r="H97" s="205"/>
      <c r="I97" s="205"/>
      <c r="J97" s="205"/>
      <c r="K97" s="205"/>
      <c r="L97" s="205"/>
      <c r="M97" s="205"/>
      <c r="N97" s="205"/>
      <c r="O97" s="205"/>
      <c r="P97" s="205"/>
      <c r="Q97" s="205"/>
      <c r="R97" s="205"/>
      <c r="S97" s="205"/>
      <c r="T97" s="205"/>
      <c r="U97" s="205"/>
      <c r="V97" s="205"/>
      <c r="W97" s="205"/>
      <c r="X97" s="205"/>
      <c r="Y97" s="205"/>
      <c r="Z97" s="205"/>
      <c r="AA97" s="205"/>
      <c r="AB97" s="205"/>
      <c r="AC97" s="205"/>
      <c r="AD97" s="205"/>
      <c r="AE97" s="205"/>
      <c r="AF97" s="205"/>
      <c r="AG97" s="205"/>
      <c r="AH97" s="205"/>
      <c r="AI97" s="205"/>
      <c r="AJ97" s="205"/>
      <c r="AK97" s="205"/>
      <c r="AL97" s="205"/>
      <c r="AM97" s="205"/>
      <c r="AN97" s="205"/>
      <c r="AO97" s="205"/>
      <c r="AP97" s="205"/>
      <c r="AQ97" s="205"/>
      <c r="AR97" s="205"/>
      <c r="AS97" s="205"/>
      <c r="AT97" s="205"/>
      <c r="AU97" s="205"/>
      <c r="AV97" s="205"/>
      <c r="AW97" s="205"/>
      <c r="AX97" s="205"/>
      <c r="AY97" s="205"/>
      <c r="AZ97" s="205"/>
    </row>
    <row r="98" spans="4:52" x14ac:dyDescent="0.55000000000000004">
      <c r="D98" s="205"/>
      <c r="E98" s="205"/>
      <c r="F98" s="205"/>
      <c r="G98" s="205"/>
      <c r="H98" s="205"/>
      <c r="I98" s="205"/>
      <c r="J98" s="205"/>
      <c r="K98" s="205"/>
      <c r="L98" s="205"/>
      <c r="M98" s="205"/>
      <c r="N98" s="205"/>
      <c r="O98" s="205"/>
      <c r="P98" s="205"/>
      <c r="Q98" s="205"/>
      <c r="R98" s="205"/>
      <c r="S98" s="205"/>
      <c r="T98" s="205"/>
      <c r="U98" s="205"/>
      <c r="V98" s="205"/>
      <c r="W98" s="205"/>
      <c r="X98" s="205"/>
      <c r="Y98" s="205"/>
      <c r="Z98" s="205"/>
      <c r="AA98" s="205"/>
      <c r="AB98" s="205"/>
      <c r="AC98" s="205"/>
      <c r="AD98" s="205"/>
      <c r="AE98" s="205"/>
      <c r="AF98" s="205"/>
      <c r="AG98" s="205"/>
      <c r="AH98" s="205"/>
      <c r="AI98" s="205"/>
      <c r="AJ98" s="205"/>
      <c r="AK98" s="205"/>
      <c r="AL98" s="205"/>
      <c r="AM98" s="205"/>
      <c r="AN98" s="205"/>
      <c r="AO98" s="205"/>
      <c r="AP98" s="205"/>
      <c r="AQ98" s="205"/>
      <c r="AR98" s="205"/>
      <c r="AS98" s="205"/>
      <c r="AT98" s="205"/>
      <c r="AU98" s="205"/>
      <c r="AV98" s="205"/>
      <c r="AW98" s="205"/>
      <c r="AX98" s="205"/>
      <c r="AY98" s="205"/>
      <c r="AZ98" s="205"/>
    </row>
    <row r="99" spans="4:52" x14ac:dyDescent="0.55000000000000004">
      <c r="D99" s="205"/>
      <c r="E99" s="205"/>
      <c r="F99" s="205"/>
      <c r="G99" s="205"/>
      <c r="H99" s="205"/>
      <c r="I99" s="205"/>
      <c r="J99" s="205"/>
      <c r="K99" s="205"/>
      <c r="L99" s="205"/>
      <c r="M99" s="205"/>
      <c r="N99" s="205"/>
      <c r="O99" s="205"/>
      <c r="P99" s="205"/>
      <c r="Q99" s="205"/>
      <c r="R99" s="205"/>
      <c r="S99" s="205"/>
      <c r="T99" s="205"/>
      <c r="U99" s="205"/>
      <c r="V99" s="205"/>
      <c r="W99" s="205"/>
      <c r="X99" s="205"/>
      <c r="Y99" s="205"/>
      <c r="Z99" s="205"/>
      <c r="AA99" s="205"/>
      <c r="AB99" s="205"/>
      <c r="AC99" s="205"/>
      <c r="AD99" s="205"/>
      <c r="AE99" s="205"/>
      <c r="AF99" s="205"/>
      <c r="AG99" s="205"/>
      <c r="AH99" s="205"/>
      <c r="AI99" s="205"/>
      <c r="AJ99" s="205"/>
      <c r="AK99" s="205"/>
      <c r="AL99" s="205"/>
      <c r="AM99" s="205"/>
      <c r="AN99" s="205"/>
      <c r="AO99" s="205"/>
      <c r="AP99" s="205"/>
      <c r="AQ99" s="205"/>
      <c r="AR99" s="205"/>
      <c r="AS99" s="205"/>
      <c r="AT99" s="205"/>
      <c r="AU99" s="205"/>
      <c r="AV99" s="205"/>
      <c r="AW99" s="205"/>
      <c r="AX99" s="205"/>
      <c r="AY99" s="205"/>
      <c r="AZ99" s="205"/>
    </row>
    <row r="100" spans="4:52" x14ac:dyDescent="0.55000000000000004">
      <c r="D100" s="205"/>
      <c r="E100" s="205"/>
      <c r="F100" s="205"/>
      <c r="G100" s="205"/>
      <c r="H100" s="205"/>
      <c r="I100" s="205"/>
      <c r="J100" s="205"/>
      <c r="K100" s="205"/>
      <c r="L100" s="205"/>
      <c r="M100" s="205"/>
      <c r="N100" s="205"/>
      <c r="O100" s="205"/>
      <c r="P100" s="205"/>
      <c r="Q100" s="205"/>
      <c r="R100" s="205"/>
      <c r="S100" s="205"/>
      <c r="T100" s="205"/>
      <c r="U100" s="205"/>
      <c r="V100" s="205"/>
      <c r="W100" s="205"/>
      <c r="X100" s="205"/>
      <c r="Y100" s="205"/>
      <c r="Z100" s="205"/>
      <c r="AA100" s="205"/>
      <c r="AB100" s="205"/>
      <c r="AC100" s="205"/>
      <c r="AD100" s="205"/>
      <c r="AE100" s="205"/>
      <c r="AF100" s="205"/>
      <c r="AG100" s="205"/>
      <c r="AH100" s="205"/>
      <c r="AI100" s="205"/>
      <c r="AJ100" s="205"/>
      <c r="AK100" s="205"/>
      <c r="AL100" s="205"/>
      <c r="AM100" s="205"/>
      <c r="AN100" s="205"/>
      <c r="AO100" s="205"/>
      <c r="AP100" s="205"/>
      <c r="AQ100" s="205"/>
      <c r="AR100" s="205"/>
      <c r="AS100" s="205"/>
      <c r="AT100" s="205"/>
      <c r="AU100" s="205"/>
      <c r="AV100" s="205"/>
      <c r="AW100" s="205"/>
      <c r="AX100" s="205"/>
      <c r="AY100" s="205"/>
      <c r="AZ100" s="205"/>
    </row>
    <row r="101" spans="4:52" x14ac:dyDescent="0.55000000000000004">
      <c r="D101" s="205"/>
      <c r="E101" s="205"/>
      <c r="F101" s="205"/>
      <c r="G101" s="205"/>
      <c r="H101" s="205"/>
      <c r="I101" s="205"/>
      <c r="J101" s="205"/>
      <c r="K101" s="205"/>
      <c r="L101" s="205"/>
      <c r="M101" s="205"/>
      <c r="N101" s="205"/>
      <c r="O101" s="205"/>
      <c r="P101" s="205"/>
      <c r="Q101" s="205"/>
      <c r="R101" s="205"/>
      <c r="S101" s="205"/>
      <c r="T101" s="205"/>
      <c r="U101" s="205"/>
      <c r="V101" s="205"/>
      <c r="W101" s="205"/>
      <c r="X101" s="205"/>
      <c r="Y101" s="205"/>
      <c r="Z101" s="205"/>
      <c r="AA101" s="205"/>
      <c r="AB101" s="205"/>
      <c r="AC101" s="205"/>
      <c r="AD101" s="205"/>
      <c r="AE101" s="205"/>
      <c r="AF101" s="205"/>
      <c r="AG101" s="205"/>
      <c r="AH101" s="205"/>
      <c r="AI101" s="205"/>
      <c r="AJ101" s="205"/>
      <c r="AK101" s="205"/>
      <c r="AL101" s="205"/>
      <c r="AM101" s="205"/>
      <c r="AN101" s="205"/>
      <c r="AO101" s="205"/>
      <c r="AP101" s="205"/>
      <c r="AQ101" s="205"/>
      <c r="AR101" s="205"/>
      <c r="AS101" s="205"/>
      <c r="AT101" s="205"/>
      <c r="AU101" s="205"/>
      <c r="AV101" s="205"/>
      <c r="AW101" s="205"/>
      <c r="AX101" s="205"/>
      <c r="AY101" s="205"/>
      <c r="AZ101" s="205"/>
    </row>
    <row r="102" spans="4:52" x14ac:dyDescent="0.55000000000000004">
      <c r="D102" s="205"/>
      <c r="E102" s="205"/>
      <c r="F102" s="205"/>
      <c r="G102" s="205"/>
      <c r="H102" s="205"/>
      <c r="I102" s="205"/>
      <c r="J102" s="205"/>
      <c r="K102" s="205"/>
      <c r="L102" s="205"/>
      <c r="M102" s="205"/>
      <c r="N102" s="205"/>
      <c r="O102" s="205"/>
      <c r="P102" s="205"/>
      <c r="Q102" s="205"/>
      <c r="R102" s="205"/>
      <c r="S102" s="205"/>
      <c r="T102" s="205"/>
      <c r="U102" s="205"/>
      <c r="V102" s="205"/>
      <c r="W102" s="205"/>
      <c r="X102" s="205"/>
      <c r="Y102" s="205"/>
      <c r="Z102" s="205"/>
      <c r="AA102" s="205"/>
      <c r="AB102" s="205"/>
      <c r="AC102" s="205"/>
      <c r="AD102" s="205"/>
      <c r="AE102" s="205"/>
      <c r="AF102" s="205"/>
      <c r="AG102" s="205"/>
      <c r="AH102" s="205"/>
      <c r="AI102" s="205"/>
      <c r="AJ102" s="205"/>
      <c r="AK102" s="205"/>
      <c r="AL102" s="205"/>
      <c r="AM102" s="205"/>
      <c r="AN102" s="205"/>
      <c r="AO102" s="205"/>
      <c r="AP102" s="205"/>
      <c r="AQ102" s="205"/>
      <c r="AR102" s="205"/>
      <c r="AS102" s="205"/>
      <c r="AT102" s="205"/>
      <c r="AU102" s="205"/>
      <c r="AV102" s="205"/>
      <c r="AW102" s="205"/>
      <c r="AX102" s="205"/>
      <c r="AY102" s="205"/>
      <c r="AZ102" s="205"/>
    </row>
    <row r="103" spans="4:52" x14ac:dyDescent="0.55000000000000004">
      <c r="D103" s="205"/>
      <c r="E103" s="205"/>
      <c r="F103" s="205"/>
      <c r="G103" s="205"/>
      <c r="H103" s="205"/>
      <c r="I103" s="205"/>
      <c r="J103" s="205"/>
      <c r="K103" s="205"/>
      <c r="L103" s="205"/>
      <c r="M103" s="205"/>
      <c r="N103" s="205"/>
      <c r="O103" s="205"/>
      <c r="P103" s="205"/>
      <c r="Q103" s="205"/>
      <c r="R103" s="205"/>
      <c r="S103" s="205"/>
      <c r="T103" s="205"/>
      <c r="U103" s="205"/>
      <c r="V103" s="205"/>
      <c r="W103" s="205"/>
      <c r="X103" s="205"/>
      <c r="Y103" s="205"/>
      <c r="Z103" s="205"/>
      <c r="AA103" s="205"/>
      <c r="AB103" s="205"/>
      <c r="AC103" s="205"/>
      <c r="AD103" s="205"/>
      <c r="AE103" s="205"/>
      <c r="AF103" s="205"/>
      <c r="AG103" s="205"/>
      <c r="AH103" s="205"/>
      <c r="AI103" s="205"/>
      <c r="AJ103" s="205"/>
      <c r="AK103" s="205"/>
      <c r="AL103" s="205"/>
      <c r="AM103" s="205"/>
      <c r="AN103" s="205"/>
      <c r="AO103" s="205"/>
      <c r="AP103" s="205"/>
      <c r="AQ103" s="205"/>
      <c r="AR103" s="205"/>
      <c r="AS103" s="205"/>
      <c r="AT103" s="205"/>
      <c r="AU103" s="205"/>
      <c r="AV103" s="205"/>
      <c r="AW103" s="205"/>
      <c r="AX103" s="205"/>
      <c r="AY103" s="205"/>
      <c r="AZ103" s="205"/>
    </row>
    <row r="104" spans="4:52" x14ac:dyDescent="0.55000000000000004">
      <c r="D104" s="205"/>
      <c r="E104" s="205"/>
      <c r="F104" s="205"/>
      <c r="G104" s="205"/>
      <c r="H104" s="205"/>
      <c r="I104" s="205"/>
      <c r="J104" s="205"/>
      <c r="K104" s="205"/>
      <c r="L104" s="205"/>
      <c r="M104" s="205"/>
      <c r="N104" s="205"/>
      <c r="O104" s="205"/>
      <c r="P104" s="205"/>
      <c r="Q104" s="205"/>
      <c r="R104" s="205"/>
      <c r="S104" s="205"/>
      <c r="T104" s="205"/>
      <c r="U104" s="205"/>
      <c r="V104" s="205"/>
      <c r="W104" s="205"/>
      <c r="X104" s="205"/>
      <c r="Y104" s="205"/>
      <c r="Z104" s="205"/>
      <c r="AA104" s="205"/>
      <c r="AB104" s="205"/>
      <c r="AC104" s="205"/>
      <c r="AD104" s="205"/>
      <c r="AE104" s="205"/>
      <c r="AF104" s="205"/>
      <c r="AG104" s="205"/>
      <c r="AH104" s="205"/>
      <c r="AI104" s="205"/>
      <c r="AJ104" s="205"/>
      <c r="AK104" s="205"/>
      <c r="AL104" s="205"/>
      <c r="AM104" s="205"/>
      <c r="AN104" s="205"/>
      <c r="AO104" s="205"/>
      <c r="AP104" s="205"/>
      <c r="AQ104" s="205"/>
      <c r="AR104" s="205"/>
      <c r="AS104" s="205"/>
      <c r="AT104" s="205"/>
      <c r="AU104" s="205"/>
      <c r="AV104" s="205"/>
      <c r="AW104" s="205"/>
      <c r="AX104" s="205"/>
      <c r="AY104" s="205"/>
      <c r="AZ104" s="205"/>
    </row>
    <row r="105" spans="4:52" x14ac:dyDescent="0.55000000000000004">
      <c r="D105" s="205"/>
      <c r="E105" s="205"/>
      <c r="F105" s="205"/>
      <c r="G105" s="205"/>
      <c r="H105" s="205"/>
      <c r="I105" s="205"/>
      <c r="J105" s="205"/>
      <c r="K105" s="205"/>
      <c r="L105" s="205"/>
      <c r="M105" s="205"/>
      <c r="N105" s="205"/>
      <c r="O105" s="205"/>
      <c r="P105" s="205"/>
      <c r="Q105" s="205"/>
      <c r="R105" s="205"/>
      <c r="S105" s="205"/>
      <c r="T105" s="205"/>
      <c r="U105" s="205"/>
      <c r="V105" s="205"/>
      <c r="W105" s="205"/>
      <c r="X105" s="205"/>
      <c r="Y105" s="205"/>
      <c r="Z105" s="205"/>
      <c r="AA105" s="205"/>
      <c r="AB105" s="205"/>
      <c r="AC105" s="205"/>
      <c r="AD105" s="205"/>
      <c r="AE105" s="205"/>
      <c r="AF105" s="205"/>
      <c r="AG105" s="205"/>
      <c r="AH105" s="205"/>
      <c r="AI105" s="205"/>
      <c r="AJ105" s="205"/>
      <c r="AK105" s="205"/>
      <c r="AL105" s="205"/>
      <c r="AM105" s="205"/>
      <c r="AN105" s="205"/>
      <c r="AO105" s="205"/>
      <c r="AP105" s="205"/>
      <c r="AQ105" s="205"/>
      <c r="AR105" s="205"/>
      <c r="AS105" s="205"/>
      <c r="AT105" s="205"/>
      <c r="AU105" s="205"/>
      <c r="AV105" s="205"/>
      <c r="AW105" s="205"/>
      <c r="AX105" s="205"/>
      <c r="AY105" s="205"/>
      <c r="AZ105" s="205"/>
    </row>
    <row r="106" spans="4:52" x14ac:dyDescent="0.55000000000000004">
      <c r="D106" s="205"/>
      <c r="E106" s="205"/>
      <c r="F106" s="205"/>
      <c r="G106" s="205"/>
      <c r="H106" s="205"/>
      <c r="I106" s="205"/>
      <c r="J106" s="205"/>
      <c r="K106" s="205"/>
      <c r="L106" s="205"/>
      <c r="M106" s="205"/>
      <c r="N106" s="205"/>
      <c r="O106" s="205"/>
      <c r="P106" s="205"/>
      <c r="Q106" s="205"/>
      <c r="R106" s="205"/>
      <c r="S106" s="205"/>
      <c r="T106" s="205"/>
      <c r="U106" s="205"/>
      <c r="V106" s="205"/>
      <c r="W106" s="205"/>
      <c r="X106" s="205"/>
      <c r="Y106" s="205"/>
      <c r="Z106" s="205"/>
      <c r="AA106" s="205"/>
      <c r="AB106" s="205"/>
      <c r="AC106" s="205"/>
      <c r="AD106" s="205"/>
      <c r="AE106" s="205"/>
      <c r="AF106" s="205"/>
      <c r="AG106" s="205"/>
      <c r="AH106" s="205"/>
      <c r="AI106" s="205"/>
      <c r="AJ106" s="205"/>
      <c r="AK106" s="205"/>
      <c r="AL106" s="205"/>
      <c r="AM106" s="205"/>
      <c r="AN106" s="205"/>
      <c r="AO106" s="205"/>
      <c r="AP106" s="205"/>
      <c r="AQ106" s="205"/>
      <c r="AR106" s="205"/>
      <c r="AS106" s="205"/>
      <c r="AT106" s="205"/>
      <c r="AU106" s="205"/>
      <c r="AV106" s="205"/>
      <c r="AW106" s="205"/>
      <c r="AX106" s="205"/>
      <c r="AY106" s="205"/>
      <c r="AZ106" s="205"/>
    </row>
    <row r="107" spans="4:52" x14ac:dyDescent="0.55000000000000004">
      <c r="D107" s="205"/>
      <c r="E107" s="205"/>
      <c r="F107" s="205"/>
      <c r="G107" s="205"/>
      <c r="H107" s="205"/>
      <c r="I107" s="205"/>
      <c r="J107" s="205"/>
      <c r="K107" s="205"/>
      <c r="L107" s="205"/>
      <c r="M107" s="205"/>
      <c r="N107" s="205"/>
      <c r="O107" s="205"/>
      <c r="P107" s="205"/>
      <c r="Q107" s="205"/>
      <c r="R107" s="205"/>
      <c r="S107" s="205"/>
      <c r="T107" s="205"/>
      <c r="U107" s="205"/>
      <c r="V107" s="205"/>
      <c r="W107" s="205"/>
      <c r="X107" s="205"/>
      <c r="Y107" s="205"/>
      <c r="Z107" s="205"/>
      <c r="AA107" s="205"/>
      <c r="AB107" s="205"/>
      <c r="AC107" s="205"/>
      <c r="AD107" s="205"/>
      <c r="AE107" s="205"/>
      <c r="AF107" s="205"/>
      <c r="AG107" s="205"/>
      <c r="AH107" s="205"/>
      <c r="AI107" s="205"/>
      <c r="AJ107" s="205"/>
      <c r="AK107" s="205"/>
      <c r="AL107" s="205"/>
      <c r="AM107" s="205"/>
      <c r="AN107" s="205"/>
      <c r="AO107" s="205"/>
      <c r="AP107" s="205"/>
      <c r="AQ107" s="205"/>
      <c r="AR107" s="205"/>
      <c r="AS107" s="205"/>
      <c r="AT107" s="205"/>
      <c r="AU107" s="205"/>
      <c r="AV107" s="205"/>
      <c r="AW107" s="205"/>
      <c r="AX107" s="205"/>
      <c r="AY107" s="205"/>
      <c r="AZ107" s="205"/>
    </row>
    <row r="108" spans="4:52" x14ac:dyDescent="0.55000000000000004">
      <c r="D108" s="205"/>
      <c r="E108" s="205"/>
      <c r="F108" s="205"/>
      <c r="G108" s="205"/>
      <c r="H108" s="205"/>
      <c r="I108" s="205"/>
      <c r="J108" s="205"/>
      <c r="K108" s="205"/>
      <c r="L108" s="205"/>
      <c r="M108" s="205"/>
      <c r="N108" s="205"/>
      <c r="O108" s="205"/>
      <c r="P108" s="205"/>
      <c r="Q108" s="205"/>
      <c r="R108" s="205"/>
      <c r="S108" s="205"/>
      <c r="T108" s="205"/>
      <c r="U108" s="205"/>
      <c r="V108" s="205"/>
      <c r="W108" s="205"/>
      <c r="X108" s="205"/>
      <c r="Y108" s="205"/>
      <c r="Z108" s="205"/>
      <c r="AA108" s="205"/>
      <c r="AB108" s="205"/>
      <c r="AC108" s="205"/>
      <c r="AD108" s="205"/>
      <c r="AE108" s="205"/>
      <c r="AF108" s="205"/>
      <c r="AG108" s="205"/>
      <c r="AH108" s="205"/>
      <c r="AI108" s="205"/>
      <c r="AJ108" s="205"/>
      <c r="AK108" s="205"/>
      <c r="AL108" s="205"/>
      <c r="AM108" s="205"/>
      <c r="AN108" s="205"/>
      <c r="AO108" s="205"/>
      <c r="AP108" s="205"/>
      <c r="AQ108" s="205"/>
      <c r="AR108" s="205"/>
      <c r="AS108" s="205"/>
      <c r="AT108" s="205"/>
      <c r="AU108" s="205"/>
      <c r="AV108" s="205"/>
      <c r="AW108" s="205"/>
      <c r="AX108" s="205"/>
      <c r="AY108" s="205"/>
      <c r="AZ108" s="205"/>
    </row>
    <row r="109" spans="4:52" x14ac:dyDescent="0.55000000000000004">
      <c r="D109" s="205"/>
      <c r="E109" s="205"/>
      <c r="F109" s="205"/>
      <c r="G109" s="205"/>
      <c r="H109" s="205"/>
      <c r="I109" s="205"/>
      <c r="J109" s="205"/>
      <c r="K109" s="205"/>
      <c r="L109" s="205"/>
      <c r="M109" s="205"/>
      <c r="N109" s="205"/>
      <c r="O109" s="205"/>
      <c r="P109" s="205"/>
      <c r="Q109" s="205"/>
      <c r="R109" s="205"/>
      <c r="S109" s="205"/>
      <c r="T109" s="205"/>
      <c r="U109" s="205"/>
      <c r="V109" s="205"/>
      <c r="W109" s="205"/>
      <c r="X109" s="205"/>
      <c r="Y109" s="205"/>
      <c r="Z109" s="205"/>
      <c r="AA109" s="205"/>
      <c r="AB109" s="205"/>
      <c r="AC109" s="205"/>
      <c r="AD109" s="205"/>
      <c r="AE109" s="205"/>
      <c r="AF109" s="205"/>
      <c r="AG109" s="205"/>
      <c r="AH109" s="205"/>
      <c r="AI109" s="205"/>
      <c r="AJ109" s="205"/>
      <c r="AK109" s="205"/>
      <c r="AL109" s="205"/>
      <c r="AM109" s="205"/>
      <c r="AN109" s="205"/>
      <c r="AO109" s="205"/>
      <c r="AP109" s="205"/>
      <c r="AQ109" s="205"/>
      <c r="AR109" s="205"/>
      <c r="AS109" s="205"/>
      <c r="AT109" s="205"/>
      <c r="AU109" s="205"/>
      <c r="AV109" s="205"/>
      <c r="AW109" s="205"/>
      <c r="AX109" s="205"/>
      <c r="AY109" s="205"/>
      <c r="AZ109" s="205"/>
    </row>
    <row r="110" spans="4:52" x14ac:dyDescent="0.55000000000000004">
      <c r="D110" s="205"/>
      <c r="E110" s="205"/>
      <c r="F110" s="205"/>
      <c r="G110" s="205"/>
      <c r="H110" s="205"/>
      <c r="I110" s="205"/>
      <c r="J110" s="205"/>
      <c r="K110" s="205"/>
      <c r="L110" s="205"/>
      <c r="M110" s="205"/>
      <c r="N110" s="205"/>
      <c r="O110" s="205"/>
      <c r="P110" s="205"/>
      <c r="Q110" s="205"/>
      <c r="R110" s="205"/>
      <c r="S110" s="205"/>
      <c r="T110" s="205"/>
      <c r="U110" s="205"/>
      <c r="V110" s="205"/>
      <c r="W110" s="205"/>
      <c r="X110" s="205"/>
      <c r="Y110" s="205"/>
      <c r="Z110" s="205"/>
      <c r="AA110" s="205"/>
      <c r="AB110" s="205"/>
      <c r="AC110" s="205"/>
      <c r="AD110" s="205"/>
      <c r="AE110" s="205"/>
      <c r="AF110" s="205"/>
      <c r="AG110" s="205"/>
      <c r="AH110" s="205"/>
      <c r="AI110" s="205"/>
      <c r="AJ110" s="205"/>
      <c r="AK110" s="205"/>
      <c r="AL110" s="205"/>
      <c r="AM110" s="205"/>
      <c r="AN110" s="205"/>
      <c r="AO110" s="205"/>
      <c r="AP110" s="205"/>
      <c r="AQ110" s="205"/>
      <c r="AR110" s="205"/>
      <c r="AS110" s="205"/>
      <c r="AT110" s="205"/>
      <c r="AU110" s="205"/>
      <c r="AV110" s="205"/>
      <c r="AW110" s="205"/>
      <c r="AX110" s="205"/>
      <c r="AY110" s="205"/>
      <c r="AZ110" s="205"/>
    </row>
    <row r="111" spans="4:52" x14ac:dyDescent="0.55000000000000004">
      <c r="D111" s="205"/>
      <c r="E111" s="205"/>
      <c r="F111" s="205"/>
      <c r="G111" s="205"/>
      <c r="H111" s="205"/>
      <c r="I111" s="205"/>
      <c r="J111" s="205"/>
      <c r="K111" s="205"/>
      <c r="L111" s="205"/>
      <c r="M111" s="205"/>
      <c r="N111" s="205"/>
      <c r="O111" s="205"/>
      <c r="P111" s="205"/>
      <c r="Q111" s="205"/>
      <c r="R111" s="205"/>
      <c r="S111" s="205"/>
      <c r="T111" s="205"/>
      <c r="U111" s="205"/>
      <c r="V111" s="205"/>
      <c r="W111" s="205"/>
      <c r="X111" s="205"/>
      <c r="Y111" s="205"/>
      <c r="Z111" s="205"/>
      <c r="AA111" s="205"/>
      <c r="AB111" s="205"/>
      <c r="AC111" s="205"/>
      <c r="AD111" s="205"/>
      <c r="AE111" s="205"/>
      <c r="AF111" s="205"/>
      <c r="AG111" s="205"/>
      <c r="AH111" s="205"/>
      <c r="AI111" s="205"/>
      <c r="AJ111" s="205"/>
      <c r="AK111" s="205"/>
      <c r="AL111" s="205"/>
      <c r="AM111" s="205"/>
      <c r="AN111" s="205"/>
      <c r="AO111" s="205"/>
      <c r="AP111" s="205"/>
      <c r="AQ111" s="205"/>
      <c r="AR111" s="205"/>
      <c r="AS111" s="205"/>
      <c r="AT111" s="205"/>
      <c r="AU111" s="205"/>
      <c r="AV111" s="205"/>
      <c r="AW111" s="205"/>
      <c r="AX111" s="205"/>
      <c r="AY111" s="205"/>
      <c r="AZ111" s="205"/>
    </row>
    <row r="112" spans="4:52" x14ac:dyDescent="0.55000000000000004">
      <c r="D112" s="205"/>
      <c r="E112" s="205"/>
      <c r="F112" s="205"/>
      <c r="G112" s="205"/>
      <c r="H112" s="205"/>
      <c r="I112" s="205"/>
      <c r="J112" s="205"/>
      <c r="K112" s="205"/>
      <c r="L112" s="205"/>
      <c r="M112" s="205"/>
      <c r="N112" s="205"/>
      <c r="O112" s="205"/>
      <c r="P112" s="205"/>
      <c r="Q112" s="205"/>
      <c r="R112" s="205"/>
      <c r="S112" s="205"/>
      <c r="T112" s="205"/>
      <c r="U112" s="205"/>
      <c r="V112" s="205"/>
      <c r="W112" s="205"/>
      <c r="X112" s="205"/>
      <c r="Y112" s="205"/>
      <c r="Z112" s="205"/>
      <c r="AA112" s="205"/>
      <c r="AB112" s="205"/>
      <c r="AC112" s="205"/>
      <c r="AD112" s="205"/>
      <c r="AE112" s="205"/>
      <c r="AF112" s="205"/>
      <c r="AG112" s="205"/>
      <c r="AH112" s="205"/>
      <c r="AI112" s="205"/>
      <c r="AJ112" s="205"/>
      <c r="AK112" s="205"/>
      <c r="AL112" s="205"/>
      <c r="AM112" s="205"/>
      <c r="AN112" s="205"/>
      <c r="AO112" s="205"/>
      <c r="AP112" s="205"/>
      <c r="AQ112" s="205"/>
      <c r="AR112" s="205"/>
      <c r="AS112" s="205"/>
      <c r="AT112" s="205"/>
      <c r="AU112" s="205"/>
      <c r="AV112" s="205"/>
      <c r="AW112" s="205"/>
      <c r="AX112" s="205"/>
      <c r="AY112" s="205"/>
      <c r="AZ112" s="205"/>
    </row>
    <row r="113" spans="4:52" x14ac:dyDescent="0.55000000000000004">
      <c r="D113" s="205"/>
      <c r="E113" s="205"/>
      <c r="F113" s="205"/>
      <c r="G113" s="205"/>
      <c r="H113" s="205"/>
      <c r="I113" s="205"/>
      <c r="J113" s="205"/>
      <c r="K113" s="205"/>
      <c r="L113" s="205"/>
      <c r="M113" s="205"/>
      <c r="N113" s="205"/>
      <c r="O113" s="205"/>
      <c r="P113" s="205"/>
      <c r="Q113" s="205"/>
      <c r="R113" s="205"/>
      <c r="S113" s="205"/>
      <c r="T113" s="205"/>
      <c r="U113" s="205"/>
      <c r="V113" s="205"/>
      <c r="W113" s="205"/>
      <c r="X113" s="205"/>
      <c r="Y113" s="205"/>
      <c r="Z113" s="205"/>
      <c r="AA113" s="205"/>
      <c r="AB113" s="205"/>
      <c r="AC113" s="205"/>
      <c r="AD113" s="205"/>
      <c r="AE113" s="205"/>
      <c r="AF113" s="205"/>
      <c r="AG113" s="205"/>
      <c r="AH113" s="205"/>
      <c r="AI113" s="205"/>
      <c r="AJ113" s="205"/>
      <c r="AK113" s="205"/>
      <c r="AL113" s="205"/>
      <c r="AM113" s="205"/>
      <c r="AN113" s="205"/>
      <c r="AO113" s="205"/>
      <c r="AP113" s="205"/>
      <c r="AQ113" s="205"/>
      <c r="AR113" s="205"/>
      <c r="AS113" s="205"/>
      <c r="AT113" s="205"/>
      <c r="AU113" s="205"/>
      <c r="AV113" s="205"/>
      <c r="AW113" s="205"/>
      <c r="AX113" s="205"/>
      <c r="AY113" s="205"/>
      <c r="AZ113" s="205"/>
    </row>
    <row r="114" spans="4:52" x14ac:dyDescent="0.55000000000000004">
      <c r="D114" s="205"/>
      <c r="E114" s="205"/>
      <c r="F114" s="205"/>
      <c r="G114" s="205"/>
      <c r="H114" s="205"/>
      <c r="I114" s="205"/>
      <c r="J114" s="205"/>
      <c r="K114" s="205"/>
      <c r="L114" s="205"/>
      <c r="M114" s="205"/>
      <c r="N114" s="205"/>
      <c r="O114" s="205"/>
      <c r="P114" s="205"/>
      <c r="Q114" s="205"/>
      <c r="R114" s="205"/>
      <c r="S114" s="205"/>
      <c r="T114" s="205"/>
      <c r="U114" s="205"/>
      <c r="V114" s="205"/>
      <c r="W114" s="205"/>
      <c r="X114" s="205"/>
      <c r="Y114" s="205"/>
      <c r="Z114" s="205"/>
      <c r="AA114" s="205"/>
      <c r="AB114" s="205"/>
      <c r="AC114" s="205"/>
      <c r="AD114" s="205"/>
      <c r="AE114" s="205"/>
      <c r="AF114" s="205"/>
      <c r="AG114" s="205"/>
      <c r="AH114" s="205"/>
      <c r="AI114" s="205"/>
      <c r="AJ114" s="205"/>
      <c r="AK114" s="205"/>
      <c r="AL114" s="205"/>
      <c r="AM114" s="205"/>
      <c r="AN114" s="205"/>
      <c r="AO114" s="205"/>
      <c r="AP114" s="205"/>
      <c r="AQ114" s="205"/>
      <c r="AR114" s="205"/>
      <c r="AS114" s="205"/>
      <c r="AT114" s="205"/>
      <c r="AU114" s="205"/>
      <c r="AV114" s="205"/>
      <c r="AW114" s="205"/>
      <c r="AX114" s="205"/>
      <c r="AY114" s="205"/>
      <c r="AZ114" s="205"/>
    </row>
    <row r="115" spans="4:52" x14ac:dyDescent="0.55000000000000004">
      <c r="D115" s="205"/>
      <c r="E115" s="205"/>
      <c r="F115" s="205"/>
      <c r="G115" s="205"/>
      <c r="H115" s="205"/>
      <c r="I115" s="205"/>
      <c r="J115" s="205"/>
      <c r="K115" s="205"/>
      <c r="L115" s="205"/>
      <c r="M115" s="205"/>
      <c r="N115" s="205"/>
      <c r="O115" s="205"/>
      <c r="P115" s="205"/>
      <c r="Q115" s="205"/>
      <c r="R115" s="205"/>
      <c r="S115" s="205"/>
      <c r="T115" s="205"/>
      <c r="U115" s="205"/>
      <c r="V115" s="205"/>
      <c r="W115" s="205"/>
      <c r="X115" s="205"/>
      <c r="Y115" s="205"/>
      <c r="Z115" s="205"/>
      <c r="AA115" s="205"/>
      <c r="AB115" s="205"/>
      <c r="AC115" s="205"/>
      <c r="AD115" s="205"/>
      <c r="AE115" s="205"/>
      <c r="AF115" s="205"/>
      <c r="AG115" s="205"/>
      <c r="AH115" s="205"/>
      <c r="AI115" s="205"/>
      <c r="AJ115" s="205"/>
      <c r="AK115" s="205"/>
      <c r="AL115" s="205"/>
      <c r="AM115" s="205"/>
      <c r="AN115" s="205"/>
      <c r="AO115" s="205"/>
      <c r="AP115" s="205"/>
      <c r="AQ115" s="205"/>
      <c r="AR115" s="205"/>
      <c r="AS115" s="205"/>
      <c r="AT115" s="205"/>
      <c r="AU115" s="205"/>
      <c r="AV115" s="205"/>
      <c r="AW115" s="205"/>
      <c r="AX115" s="205"/>
      <c r="AY115" s="205"/>
      <c r="AZ115" s="205"/>
    </row>
    <row r="116" spans="4:52" x14ac:dyDescent="0.55000000000000004">
      <c r="D116" s="205"/>
      <c r="E116" s="205"/>
      <c r="F116" s="205"/>
      <c r="G116" s="205"/>
      <c r="H116" s="205"/>
      <c r="I116" s="205"/>
      <c r="J116" s="205"/>
      <c r="K116" s="205"/>
      <c r="L116" s="205"/>
      <c r="M116" s="205"/>
      <c r="N116" s="205"/>
      <c r="O116" s="205"/>
      <c r="P116" s="205"/>
      <c r="Q116" s="205"/>
      <c r="R116" s="205"/>
      <c r="S116" s="205"/>
      <c r="T116" s="205"/>
      <c r="U116" s="205"/>
      <c r="V116" s="205"/>
      <c r="W116" s="205"/>
      <c r="X116" s="205"/>
      <c r="Y116" s="205"/>
      <c r="Z116" s="205"/>
      <c r="AA116" s="205"/>
      <c r="AB116" s="205"/>
      <c r="AC116" s="205"/>
      <c r="AD116" s="205"/>
      <c r="AE116" s="205"/>
      <c r="AF116" s="205"/>
      <c r="AG116" s="205"/>
      <c r="AH116" s="205"/>
      <c r="AI116" s="205"/>
      <c r="AJ116" s="205"/>
      <c r="AK116" s="205"/>
      <c r="AL116" s="205"/>
      <c r="AM116" s="205"/>
      <c r="AN116" s="205"/>
      <c r="AO116" s="205"/>
      <c r="AP116" s="205"/>
      <c r="AQ116" s="205"/>
      <c r="AR116" s="205"/>
      <c r="AS116" s="205"/>
      <c r="AT116" s="205"/>
      <c r="AU116" s="205"/>
      <c r="AV116" s="205"/>
      <c r="AW116" s="205"/>
      <c r="AX116" s="205"/>
      <c r="AY116" s="205"/>
      <c r="AZ116" s="205"/>
    </row>
    <row r="117" spans="4:52" x14ac:dyDescent="0.55000000000000004">
      <c r="D117" s="205"/>
      <c r="E117" s="205"/>
      <c r="F117" s="205"/>
      <c r="G117" s="205"/>
      <c r="H117" s="205"/>
      <c r="I117" s="205"/>
      <c r="J117" s="205"/>
      <c r="K117" s="205"/>
      <c r="L117" s="205"/>
      <c r="M117" s="205"/>
      <c r="N117" s="205"/>
      <c r="O117" s="205"/>
      <c r="P117" s="205"/>
      <c r="Q117" s="205"/>
      <c r="R117" s="205"/>
      <c r="S117" s="205"/>
      <c r="T117" s="205"/>
      <c r="U117" s="205"/>
      <c r="V117" s="205"/>
      <c r="W117" s="205"/>
      <c r="X117" s="205"/>
      <c r="Y117" s="205"/>
      <c r="Z117" s="205"/>
      <c r="AA117" s="205"/>
      <c r="AB117" s="205"/>
      <c r="AC117" s="205"/>
      <c r="AD117" s="205"/>
      <c r="AE117" s="205"/>
      <c r="AF117" s="205"/>
      <c r="AG117" s="205"/>
      <c r="AH117" s="205"/>
      <c r="AI117" s="205"/>
      <c r="AJ117" s="205"/>
      <c r="AK117" s="205"/>
      <c r="AL117" s="205"/>
      <c r="AM117" s="205"/>
      <c r="AN117" s="205"/>
      <c r="AO117" s="205"/>
      <c r="AP117" s="205"/>
      <c r="AQ117" s="205"/>
      <c r="AR117" s="205"/>
      <c r="AS117" s="205"/>
      <c r="AT117" s="205"/>
      <c r="AU117" s="205"/>
      <c r="AV117" s="205"/>
      <c r="AW117" s="205"/>
      <c r="AX117" s="205"/>
      <c r="AY117" s="205"/>
      <c r="AZ117" s="205"/>
    </row>
    <row r="118" spans="4:52" x14ac:dyDescent="0.55000000000000004">
      <c r="D118" s="205"/>
      <c r="E118" s="205"/>
      <c r="F118" s="205"/>
      <c r="G118" s="205"/>
      <c r="H118" s="205"/>
      <c r="I118" s="205"/>
      <c r="J118" s="205"/>
      <c r="K118" s="205"/>
      <c r="L118" s="205"/>
      <c r="M118" s="205"/>
      <c r="N118" s="205"/>
      <c r="O118" s="205"/>
      <c r="P118" s="205"/>
      <c r="Q118" s="205"/>
      <c r="R118" s="205"/>
      <c r="S118" s="205"/>
      <c r="T118" s="205"/>
      <c r="U118" s="205"/>
      <c r="V118" s="205"/>
      <c r="W118" s="205"/>
      <c r="X118" s="205"/>
      <c r="Y118" s="205"/>
      <c r="Z118" s="205"/>
      <c r="AA118" s="205"/>
      <c r="AB118" s="205"/>
      <c r="AC118" s="205"/>
      <c r="AD118" s="205"/>
      <c r="AE118" s="205"/>
      <c r="AF118" s="205"/>
      <c r="AG118" s="205"/>
      <c r="AH118" s="205"/>
      <c r="AI118" s="205"/>
      <c r="AJ118" s="205"/>
      <c r="AK118" s="205"/>
      <c r="AL118" s="205"/>
      <c r="AM118" s="205"/>
      <c r="AN118" s="205"/>
      <c r="AO118" s="205"/>
      <c r="AP118" s="205"/>
      <c r="AQ118" s="205"/>
      <c r="AR118" s="205"/>
      <c r="AS118" s="205"/>
      <c r="AT118" s="205"/>
      <c r="AU118" s="205"/>
      <c r="AV118" s="205"/>
      <c r="AW118" s="205"/>
      <c r="AX118" s="205"/>
      <c r="AY118" s="205"/>
      <c r="AZ118" s="205"/>
    </row>
    <row r="119" spans="4:52" x14ac:dyDescent="0.55000000000000004">
      <c r="D119" s="205"/>
      <c r="E119" s="205"/>
      <c r="F119" s="205"/>
      <c r="G119" s="205"/>
      <c r="H119" s="205"/>
      <c r="I119" s="205"/>
      <c r="J119" s="205"/>
      <c r="K119" s="205"/>
      <c r="L119" s="205"/>
      <c r="M119" s="205"/>
      <c r="N119" s="205"/>
      <c r="O119" s="205"/>
      <c r="P119" s="205"/>
      <c r="Q119" s="205"/>
      <c r="R119" s="205"/>
      <c r="S119" s="205"/>
      <c r="T119" s="205"/>
      <c r="U119" s="205"/>
      <c r="V119" s="205"/>
      <c r="W119" s="205"/>
      <c r="X119" s="205"/>
      <c r="Y119" s="205"/>
      <c r="Z119" s="205"/>
      <c r="AA119" s="205"/>
      <c r="AB119" s="205"/>
      <c r="AC119" s="205"/>
      <c r="AD119" s="205"/>
      <c r="AE119" s="205"/>
      <c r="AF119" s="205"/>
      <c r="AG119" s="205"/>
      <c r="AH119" s="205"/>
      <c r="AI119" s="205"/>
      <c r="AJ119" s="205"/>
      <c r="AK119" s="205"/>
      <c r="AL119" s="205"/>
      <c r="AM119" s="205"/>
      <c r="AN119" s="205"/>
      <c r="AO119" s="205"/>
      <c r="AP119" s="205"/>
      <c r="AQ119" s="205"/>
      <c r="AR119" s="205"/>
      <c r="AS119" s="205"/>
      <c r="AT119" s="205"/>
      <c r="AU119" s="205"/>
      <c r="AV119" s="205"/>
      <c r="AW119" s="205"/>
      <c r="AX119" s="205"/>
      <c r="AY119" s="205"/>
      <c r="AZ119" s="205"/>
    </row>
    <row r="120" spans="4:52" x14ac:dyDescent="0.55000000000000004">
      <c r="D120" s="205"/>
      <c r="E120" s="205"/>
      <c r="F120" s="205"/>
      <c r="G120" s="205"/>
      <c r="H120" s="205"/>
      <c r="I120" s="205"/>
      <c r="J120" s="205"/>
      <c r="K120" s="205"/>
      <c r="L120" s="205"/>
      <c r="M120" s="205"/>
      <c r="N120" s="205"/>
      <c r="O120" s="205"/>
      <c r="P120" s="205"/>
      <c r="Q120" s="205"/>
      <c r="R120" s="205"/>
      <c r="S120" s="205"/>
      <c r="T120" s="205"/>
      <c r="U120" s="205"/>
      <c r="V120" s="205"/>
      <c r="W120" s="205"/>
      <c r="X120" s="205"/>
      <c r="Y120" s="205"/>
      <c r="Z120" s="205"/>
      <c r="AA120" s="205"/>
      <c r="AB120" s="205"/>
      <c r="AC120" s="205"/>
      <c r="AD120" s="205"/>
      <c r="AE120" s="205"/>
      <c r="AF120" s="205"/>
      <c r="AG120" s="205"/>
      <c r="AH120" s="205"/>
      <c r="AI120" s="205"/>
      <c r="AJ120" s="205"/>
      <c r="AK120" s="205"/>
      <c r="AL120" s="205"/>
      <c r="AM120" s="205"/>
      <c r="AN120" s="205"/>
      <c r="AO120" s="205"/>
      <c r="AP120" s="205"/>
      <c r="AQ120" s="205"/>
      <c r="AR120" s="205"/>
      <c r="AS120" s="205"/>
      <c r="AT120" s="205"/>
      <c r="AU120" s="205"/>
      <c r="AV120" s="205"/>
      <c r="AW120" s="205"/>
      <c r="AX120" s="205"/>
      <c r="AY120" s="205"/>
      <c r="AZ120" s="205"/>
    </row>
    <row r="121" spans="4:52" x14ac:dyDescent="0.55000000000000004">
      <c r="D121" s="205"/>
      <c r="E121" s="205"/>
      <c r="F121" s="205"/>
      <c r="G121" s="205"/>
      <c r="H121" s="205"/>
      <c r="I121" s="205"/>
      <c r="J121" s="205"/>
      <c r="K121" s="205"/>
      <c r="L121" s="205"/>
      <c r="M121" s="205"/>
      <c r="N121" s="205"/>
      <c r="O121" s="205"/>
      <c r="P121" s="205"/>
      <c r="Q121" s="205"/>
      <c r="R121" s="205"/>
      <c r="S121" s="205"/>
      <c r="T121" s="205"/>
      <c r="U121" s="205"/>
      <c r="V121" s="205"/>
      <c r="W121" s="205"/>
      <c r="X121" s="205"/>
      <c r="Y121" s="205"/>
      <c r="Z121" s="205"/>
      <c r="AA121" s="205"/>
      <c r="AB121" s="205"/>
      <c r="AC121" s="205"/>
      <c r="AD121" s="205"/>
      <c r="AE121" s="205"/>
      <c r="AF121" s="205"/>
      <c r="AG121" s="205"/>
      <c r="AH121" s="205"/>
      <c r="AI121" s="205"/>
      <c r="AJ121" s="205"/>
      <c r="AK121" s="205"/>
      <c r="AL121" s="205"/>
      <c r="AM121" s="205"/>
      <c r="AN121" s="205"/>
      <c r="AO121" s="205"/>
      <c r="AP121" s="205"/>
      <c r="AQ121" s="205"/>
      <c r="AR121" s="205"/>
      <c r="AS121" s="205"/>
      <c r="AT121" s="205"/>
      <c r="AU121" s="205"/>
      <c r="AV121" s="205"/>
      <c r="AW121" s="205"/>
      <c r="AX121" s="205"/>
      <c r="AY121" s="205"/>
      <c r="AZ121" s="205"/>
    </row>
    <row r="122" spans="4:52" x14ac:dyDescent="0.55000000000000004">
      <c r="D122" s="205"/>
      <c r="E122" s="205"/>
      <c r="F122" s="205"/>
      <c r="G122" s="205"/>
      <c r="H122" s="205"/>
      <c r="I122" s="205"/>
      <c r="J122" s="205"/>
      <c r="K122" s="205"/>
      <c r="L122" s="205"/>
      <c r="M122" s="205"/>
      <c r="N122" s="205"/>
      <c r="O122" s="205"/>
      <c r="P122" s="205"/>
      <c r="Q122" s="205"/>
      <c r="R122" s="205"/>
      <c r="S122" s="205"/>
      <c r="T122" s="205"/>
      <c r="U122" s="205"/>
      <c r="V122" s="205"/>
      <c r="W122" s="205"/>
      <c r="X122" s="205"/>
      <c r="Y122" s="205"/>
      <c r="Z122" s="205"/>
      <c r="AA122" s="205"/>
      <c r="AB122" s="205"/>
      <c r="AC122" s="205"/>
      <c r="AD122" s="205"/>
      <c r="AE122" s="205"/>
      <c r="AF122" s="205"/>
      <c r="AG122" s="205"/>
      <c r="AH122" s="205"/>
      <c r="AI122" s="205"/>
      <c r="AJ122" s="205"/>
      <c r="AK122" s="205"/>
      <c r="AL122" s="205"/>
      <c r="AM122" s="205"/>
      <c r="AN122" s="205"/>
      <c r="AO122" s="205"/>
      <c r="AP122" s="205"/>
      <c r="AQ122" s="205"/>
      <c r="AR122" s="205"/>
      <c r="AS122" s="205"/>
      <c r="AT122" s="205"/>
      <c r="AU122" s="205"/>
      <c r="AV122" s="205"/>
      <c r="AW122" s="205"/>
      <c r="AX122" s="205"/>
      <c r="AY122" s="205"/>
      <c r="AZ122" s="205"/>
    </row>
    <row r="123" spans="4:52" x14ac:dyDescent="0.55000000000000004">
      <c r="D123" s="205"/>
      <c r="E123" s="205"/>
      <c r="F123" s="205"/>
      <c r="G123" s="205"/>
      <c r="H123" s="205"/>
      <c r="I123" s="205"/>
      <c r="J123" s="205"/>
      <c r="K123" s="205"/>
      <c r="L123" s="205"/>
      <c r="M123" s="205"/>
      <c r="N123" s="205"/>
      <c r="O123" s="205"/>
      <c r="P123" s="205"/>
      <c r="Q123" s="205"/>
      <c r="R123" s="205"/>
      <c r="S123" s="205"/>
      <c r="T123" s="205"/>
      <c r="U123" s="205"/>
      <c r="V123" s="205"/>
      <c r="W123" s="205"/>
      <c r="X123" s="205"/>
      <c r="Y123" s="205"/>
      <c r="Z123" s="205"/>
      <c r="AA123" s="205"/>
      <c r="AB123" s="205"/>
      <c r="AC123" s="205"/>
      <c r="AD123" s="205"/>
      <c r="AE123" s="205"/>
      <c r="AF123" s="205"/>
      <c r="AG123" s="205"/>
      <c r="AH123" s="205"/>
      <c r="AI123" s="205"/>
      <c r="AJ123" s="205"/>
      <c r="AK123" s="205"/>
      <c r="AL123" s="205"/>
      <c r="AM123" s="205"/>
      <c r="AN123" s="205"/>
      <c r="AO123" s="205"/>
      <c r="AP123" s="205"/>
      <c r="AQ123" s="205"/>
      <c r="AR123" s="205"/>
      <c r="AS123" s="205"/>
      <c r="AT123" s="205"/>
      <c r="AU123" s="205"/>
      <c r="AV123" s="205"/>
      <c r="AW123" s="205"/>
      <c r="AX123" s="205"/>
      <c r="AY123" s="205"/>
      <c r="AZ123" s="205"/>
    </row>
    <row r="124" spans="4:52" x14ac:dyDescent="0.55000000000000004">
      <c r="D124" s="205"/>
      <c r="E124" s="205"/>
      <c r="F124" s="205"/>
      <c r="G124" s="205"/>
      <c r="H124" s="205"/>
      <c r="I124" s="205"/>
      <c r="J124" s="205"/>
      <c r="K124" s="205"/>
      <c r="L124" s="205"/>
      <c r="M124" s="205"/>
      <c r="N124" s="205"/>
      <c r="O124" s="205"/>
      <c r="P124" s="205"/>
      <c r="Q124" s="205"/>
      <c r="R124" s="205"/>
      <c r="S124" s="205"/>
      <c r="T124" s="205"/>
      <c r="U124" s="205"/>
      <c r="V124" s="205"/>
      <c r="W124" s="205"/>
      <c r="X124" s="205"/>
      <c r="Y124" s="205"/>
      <c r="Z124" s="205"/>
      <c r="AA124" s="205"/>
      <c r="AB124" s="205"/>
      <c r="AC124" s="205"/>
      <c r="AD124" s="205"/>
      <c r="AE124" s="205"/>
      <c r="AF124" s="205"/>
      <c r="AG124" s="205"/>
      <c r="AH124" s="205"/>
      <c r="AI124" s="205"/>
      <c r="AJ124" s="205"/>
      <c r="AK124" s="205"/>
      <c r="AL124" s="205"/>
      <c r="AM124" s="205"/>
      <c r="AN124" s="205"/>
      <c r="AO124" s="205"/>
      <c r="AP124" s="205"/>
      <c r="AQ124" s="205"/>
      <c r="AR124" s="205"/>
      <c r="AS124" s="205"/>
      <c r="AT124" s="205"/>
      <c r="AU124" s="205"/>
      <c r="AV124" s="205"/>
      <c r="AW124" s="205"/>
      <c r="AX124" s="205"/>
      <c r="AY124" s="205"/>
      <c r="AZ124" s="205"/>
    </row>
    <row r="125" spans="4:52" x14ac:dyDescent="0.55000000000000004">
      <c r="D125" s="205"/>
      <c r="E125" s="205"/>
      <c r="F125" s="205"/>
      <c r="G125" s="205"/>
      <c r="H125" s="205"/>
      <c r="I125" s="205"/>
      <c r="J125" s="205"/>
      <c r="K125" s="205"/>
      <c r="L125" s="205"/>
      <c r="M125" s="205"/>
      <c r="N125" s="205"/>
      <c r="O125" s="205"/>
      <c r="P125" s="205"/>
      <c r="Q125" s="205"/>
      <c r="R125" s="205"/>
      <c r="S125" s="205"/>
      <c r="T125" s="205"/>
      <c r="U125" s="205"/>
      <c r="V125" s="205"/>
      <c r="W125" s="205"/>
      <c r="X125" s="205"/>
      <c r="Y125" s="205"/>
      <c r="Z125" s="205"/>
      <c r="AA125" s="205"/>
      <c r="AB125" s="205"/>
      <c r="AC125" s="205"/>
      <c r="AD125" s="205"/>
      <c r="AE125" s="205"/>
      <c r="AF125" s="205"/>
      <c r="AG125" s="205"/>
      <c r="AH125" s="205"/>
      <c r="AI125" s="205"/>
      <c r="AJ125" s="205"/>
      <c r="AK125" s="205"/>
      <c r="AL125" s="205"/>
      <c r="AM125" s="205"/>
      <c r="AN125" s="205"/>
      <c r="AO125" s="205"/>
      <c r="AP125" s="205"/>
      <c r="AQ125" s="205"/>
      <c r="AR125" s="205"/>
      <c r="AS125" s="205"/>
      <c r="AT125" s="205"/>
      <c r="AU125" s="205"/>
      <c r="AV125" s="205"/>
      <c r="AW125" s="205"/>
      <c r="AX125" s="205"/>
      <c r="AY125" s="205"/>
      <c r="AZ125" s="205"/>
    </row>
    <row r="126" spans="4:52" x14ac:dyDescent="0.55000000000000004">
      <c r="D126" s="205"/>
      <c r="E126" s="205"/>
      <c r="F126" s="205"/>
      <c r="G126" s="205"/>
      <c r="H126" s="205"/>
      <c r="I126" s="205"/>
      <c r="J126" s="205"/>
      <c r="K126" s="205"/>
      <c r="L126" s="205"/>
      <c r="M126" s="205"/>
      <c r="N126" s="205"/>
      <c r="O126" s="205"/>
      <c r="P126" s="205"/>
      <c r="Q126" s="205"/>
      <c r="R126" s="205"/>
      <c r="S126" s="205"/>
      <c r="T126" s="205"/>
      <c r="U126" s="205"/>
      <c r="V126" s="205"/>
      <c r="W126" s="205"/>
      <c r="X126" s="205"/>
      <c r="Y126" s="205"/>
      <c r="Z126" s="205"/>
      <c r="AA126" s="205"/>
      <c r="AB126" s="205"/>
      <c r="AC126" s="205"/>
      <c r="AD126" s="205"/>
      <c r="AE126" s="205"/>
      <c r="AF126" s="205"/>
      <c r="AG126" s="205"/>
      <c r="AH126" s="205"/>
      <c r="AI126" s="205"/>
      <c r="AJ126" s="205"/>
      <c r="AK126" s="205"/>
      <c r="AL126" s="205"/>
      <c r="AM126" s="205"/>
      <c r="AN126" s="205"/>
      <c r="AO126" s="205"/>
      <c r="AP126" s="205"/>
      <c r="AQ126" s="205"/>
      <c r="AR126" s="205"/>
      <c r="AS126" s="205"/>
      <c r="AT126" s="205"/>
      <c r="AU126" s="205"/>
      <c r="AV126" s="205"/>
      <c r="AW126" s="205"/>
      <c r="AX126" s="205"/>
      <c r="AY126" s="205"/>
      <c r="AZ126" s="205"/>
    </row>
    <row r="127" spans="4:52" x14ac:dyDescent="0.55000000000000004">
      <c r="D127" s="205"/>
      <c r="E127" s="205"/>
      <c r="F127" s="205"/>
      <c r="G127" s="205"/>
      <c r="H127" s="205"/>
      <c r="I127" s="205"/>
      <c r="J127" s="205"/>
      <c r="K127" s="205"/>
      <c r="L127" s="205"/>
      <c r="M127" s="205"/>
      <c r="N127" s="205"/>
      <c r="O127" s="205"/>
      <c r="P127" s="205"/>
      <c r="Q127" s="205"/>
      <c r="R127" s="205"/>
      <c r="S127" s="205"/>
      <c r="T127" s="205"/>
      <c r="U127" s="205"/>
      <c r="V127" s="205"/>
      <c r="W127" s="205"/>
      <c r="X127" s="205"/>
      <c r="Y127" s="205"/>
      <c r="Z127" s="205"/>
      <c r="AA127" s="205"/>
      <c r="AB127" s="205"/>
      <c r="AC127" s="205"/>
      <c r="AD127" s="205"/>
      <c r="AE127" s="205"/>
      <c r="AF127" s="205"/>
      <c r="AG127" s="205"/>
      <c r="AH127" s="205"/>
      <c r="AI127" s="205"/>
      <c r="AJ127" s="205"/>
      <c r="AK127" s="205"/>
      <c r="AL127" s="205"/>
      <c r="AM127" s="205"/>
      <c r="AN127" s="205"/>
      <c r="AO127" s="205"/>
      <c r="AP127" s="205"/>
      <c r="AQ127" s="205"/>
      <c r="AR127" s="205"/>
      <c r="AS127" s="205"/>
      <c r="AT127" s="205"/>
      <c r="AU127" s="205"/>
      <c r="AV127" s="205"/>
      <c r="AW127" s="205"/>
      <c r="AX127" s="205"/>
      <c r="AY127" s="205"/>
      <c r="AZ127" s="205"/>
    </row>
    <row r="128" spans="4:52" x14ac:dyDescent="0.55000000000000004">
      <c r="D128" s="205"/>
      <c r="E128" s="205"/>
      <c r="F128" s="205"/>
      <c r="G128" s="205"/>
      <c r="H128" s="205"/>
      <c r="I128" s="205"/>
      <c r="J128" s="205"/>
      <c r="K128" s="205"/>
      <c r="L128" s="205"/>
      <c r="M128" s="205"/>
      <c r="N128" s="205"/>
      <c r="O128" s="205"/>
      <c r="P128" s="205"/>
      <c r="Q128" s="205"/>
      <c r="R128" s="205"/>
      <c r="S128" s="205"/>
      <c r="T128" s="205"/>
      <c r="U128" s="205"/>
      <c r="V128" s="205"/>
      <c r="W128" s="205"/>
      <c r="X128" s="205"/>
      <c r="Y128" s="205"/>
      <c r="Z128" s="205"/>
      <c r="AA128" s="205"/>
      <c r="AB128" s="205"/>
      <c r="AC128" s="205"/>
      <c r="AD128" s="205"/>
      <c r="AE128" s="205"/>
      <c r="AF128" s="205"/>
      <c r="AG128" s="205"/>
      <c r="AH128" s="205"/>
      <c r="AI128" s="205"/>
      <c r="AJ128" s="205"/>
      <c r="AK128" s="205"/>
      <c r="AL128" s="205"/>
      <c r="AM128" s="205"/>
      <c r="AN128" s="205"/>
      <c r="AO128" s="205"/>
      <c r="AP128" s="205"/>
      <c r="AQ128" s="205"/>
      <c r="AR128" s="205"/>
      <c r="AS128" s="205"/>
      <c r="AT128" s="205"/>
      <c r="AU128" s="205"/>
      <c r="AV128" s="205"/>
      <c r="AW128" s="205"/>
      <c r="AX128" s="205"/>
      <c r="AY128" s="205"/>
      <c r="AZ128" s="205"/>
    </row>
    <row r="129" spans="4:52" x14ac:dyDescent="0.55000000000000004">
      <c r="D129" s="205"/>
      <c r="E129" s="205"/>
      <c r="F129" s="205"/>
      <c r="G129" s="205"/>
      <c r="H129" s="205"/>
      <c r="I129" s="205"/>
      <c r="J129" s="205"/>
      <c r="K129" s="205"/>
      <c r="L129" s="205"/>
      <c r="M129" s="205"/>
      <c r="N129" s="205"/>
      <c r="O129" s="205"/>
      <c r="P129" s="205"/>
      <c r="Q129" s="205"/>
      <c r="R129" s="205"/>
      <c r="S129" s="205"/>
      <c r="T129" s="205"/>
      <c r="U129" s="205"/>
      <c r="V129" s="205"/>
      <c r="W129" s="205"/>
      <c r="X129" s="205"/>
      <c r="Y129" s="205"/>
      <c r="Z129" s="205"/>
      <c r="AA129" s="205"/>
      <c r="AB129" s="205"/>
      <c r="AC129" s="205"/>
      <c r="AD129" s="205"/>
      <c r="AE129" s="205"/>
      <c r="AF129" s="205"/>
      <c r="AG129" s="205"/>
      <c r="AH129" s="205"/>
      <c r="AI129" s="205"/>
      <c r="AJ129" s="205"/>
      <c r="AK129" s="205"/>
      <c r="AL129" s="205"/>
      <c r="AM129" s="205"/>
      <c r="AN129" s="205"/>
      <c r="AO129" s="205"/>
      <c r="AP129" s="205"/>
      <c r="AQ129" s="205"/>
      <c r="AR129" s="205"/>
      <c r="AS129" s="205"/>
      <c r="AT129" s="205"/>
      <c r="AU129" s="205"/>
      <c r="AV129" s="205"/>
      <c r="AW129" s="205"/>
      <c r="AX129" s="205"/>
      <c r="AY129" s="205"/>
      <c r="AZ129" s="205"/>
    </row>
    <row r="130" spans="4:52" x14ac:dyDescent="0.55000000000000004">
      <c r="D130" s="205"/>
      <c r="E130" s="205"/>
      <c r="F130" s="205"/>
      <c r="G130" s="205"/>
      <c r="H130" s="205"/>
      <c r="I130" s="205"/>
      <c r="J130" s="205"/>
      <c r="K130" s="205"/>
      <c r="L130" s="205"/>
      <c r="M130" s="205"/>
      <c r="N130" s="205"/>
      <c r="O130" s="205"/>
      <c r="P130" s="205"/>
      <c r="Q130" s="205"/>
      <c r="R130" s="205"/>
      <c r="S130" s="205"/>
      <c r="T130" s="205"/>
      <c r="U130" s="205"/>
      <c r="V130" s="205"/>
      <c r="W130" s="205"/>
      <c r="X130" s="205"/>
      <c r="Y130" s="205"/>
      <c r="Z130" s="205"/>
      <c r="AA130" s="205"/>
      <c r="AB130" s="205"/>
      <c r="AC130" s="205"/>
      <c r="AD130" s="205"/>
      <c r="AE130" s="205"/>
      <c r="AF130" s="205"/>
      <c r="AG130" s="205"/>
      <c r="AH130" s="205"/>
      <c r="AI130" s="205"/>
      <c r="AJ130" s="205"/>
      <c r="AK130" s="205"/>
      <c r="AL130" s="205"/>
      <c r="AM130" s="205"/>
      <c r="AN130" s="205"/>
      <c r="AO130" s="205"/>
      <c r="AP130" s="205"/>
      <c r="AQ130" s="205"/>
      <c r="AR130" s="205"/>
      <c r="AS130" s="205"/>
      <c r="AT130" s="205"/>
      <c r="AU130" s="205"/>
      <c r="AV130" s="205"/>
      <c r="AW130" s="205"/>
      <c r="AX130" s="205"/>
      <c r="AY130" s="205"/>
      <c r="AZ130" s="205"/>
    </row>
    <row r="131" spans="4:52" x14ac:dyDescent="0.55000000000000004">
      <c r="D131" s="205"/>
      <c r="E131" s="205"/>
      <c r="F131" s="205"/>
      <c r="G131" s="205"/>
      <c r="H131" s="205"/>
      <c r="I131" s="205"/>
      <c r="J131" s="205"/>
      <c r="K131" s="205"/>
      <c r="L131" s="205"/>
      <c r="M131" s="205"/>
      <c r="N131" s="205"/>
      <c r="O131" s="205"/>
      <c r="P131" s="205"/>
      <c r="Q131" s="205"/>
      <c r="R131" s="205"/>
      <c r="S131" s="205"/>
      <c r="T131" s="205"/>
      <c r="U131" s="205"/>
      <c r="V131" s="205"/>
      <c r="W131" s="205"/>
      <c r="X131" s="205"/>
      <c r="Y131" s="205"/>
      <c r="Z131" s="205"/>
      <c r="AA131" s="205"/>
      <c r="AB131" s="205"/>
      <c r="AC131" s="205"/>
      <c r="AD131" s="205"/>
      <c r="AE131" s="205"/>
      <c r="AF131" s="205"/>
      <c r="AG131" s="205"/>
      <c r="AH131" s="205"/>
      <c r="AI131" s="205"/>
      <c r="AJ131" s="205"/>
      <c r="AK131" s="205"/>
      <c r="AL131" s="205"/>
      <c r="AM131" s="205"/>
      <c r="AN131" s="205"/>
      <c r="AO131" s="205"/>
      <c r="AP131" s="205"/>
      <c r="AQ131" s="205"/>
      <c r="AR131" s="205"/>
      <c r="AS131" s="205"/>
      <c r="AT131" s="205"/>
      <c r="AU131" s="205"/>
      <c r="AV131" s="205"/>
      <c r="AW131" s="205"/>
      <c r="AX131" s="205"/>
      <c r="AY131" s="205"/>
      <c r="AZ131" s="205"/>
    </row>
    <row r="132" spans="4:52" x14ac:dyDescent="0.55000000000000004">
      <c r="D132" s="205"/>
      <c r="E132" s="205"/>
      <c r="F132" s="205"/>
      <c r="G132" s="205"/>
      <c r="H132" s="205"/>
      <c r="I132" s="205"/>
      <c r="J132" s="205"/>
      <c r="K132" s="205"/>
      <c r="L132" s="205"/>
      <c r="M132" s="205"/>
      <c r="N132" s="205"/>
      <c r="O132" s="205"/>
      <c r="P132" s="205"/>
      <c r="Q132" s="205"/>
      <c r="R132" s="205"/>
      <c r="S132" s="205"/>
      <c r="T132" s="205"/>
      <c r="U132" s="205"/>
      <c r="V132" s="205"/>
      <c r="W132" s="205"/>
      <c r="X132" s="205"/>
      <c r="Y132" s="205"/>
      <c r="Z132" s="205"/>
      <c r="AA132" s="205"/>
      <c r="AB132" s="205"/>
      <c r="AC132" s="205"/>
      <c r="AD132" s="205"/>
      <c r="AE132" s="205"/>
      <c r="AF132" s="205"/>
      <c r="AG132" s="205"/>
      <c r="AH132" s="205"/>
      <c r="AI132" s="205"/>
      <c r="AJ132" s="205"/>
      <c r="AK132" s="205"/>
      <c r="AL132" s="205"/>
      <c r="AM132" s="205"/>
      <c r="AN132" s="205"/>
      <c r="AO132" s="205"/>
      <c r="AP132" s="205"/>
      <c r="AQ132" s="205"/>
      <c r="AR132" s="205"/>
      <c r="AS132" s="205"/>
      <c r="AT132" s="205"/>
      <c r="AU132" s="205"/>
      <c r="AV132" s="205"/>
      <c r="AW132" s="205"/>
      <c r="AX132" s="205"/>
      <c r="AY132" s="205"/>
      <c r="AZ132" s="205"/>
    </row>
    <row r="133" spans="4:52" x14ac:dyDescent="0.55000000000000004">
      <c r="D133" s="205"/>
      <c r="E133" s="205"/>
      <c r="F133" s="205"/>
      <c r="G133" s="205"/>
      <c r="H133" s="205"/>
      <c r="I133" s="205"/>
      <c r="J133" s="205"/>
      <c r="K133" s="205"/>
      <c r="L133" s="205"/>
      <c r="M133" s="205"/>
      <c r="N133" s="205"/>
      <c r="O133" s="205"/>
      <c r="P133" s="205"/>
      <c r="Q133" s="205"/>
      <c r="R133" s="205"/>
      <c r="S133" s="205"/>
      <c r="T133" s="205"/>
      <c r="U133" s="205"/>
      <c r="V133" s="205"/>
      <c r="W133" s="205"/>
      <c r="X133" s="205"/>
      <c r="Y133" s="205"/>
      <c r="Z133" s="205"/>
      <c r="AA133" s="205"/>
      <c r="AB133" s="205"/>
      <c r="AC133" s="205"/>
      <c r="AD133" s="205"/>
      <c r="AE133" s="205"/>
      <c r="AF133" s="205"/>
      <c r="AG133" s="205"/>
      <c r="AH133" s="205"/>
      <c r="AI133" s="205"/>
      <c r="AJ133" s="205"/>
      <c r="AK133" s="205"/>
      <c r="AL133" s="205"/>
      <c r="AM133" s="205"/>
      <c r="AN133" s="205"/>
      <c r="AO133" s="205"/>
      <c r="AP133" s="205"/>
      <c r="AQ133" s="205"/>
      <c r="AR133" s="205"/>
      <c r="AS133" s="205"/>
      <c r="AT133" s="205"/>
      <c r="AU133" s="205"/>
      <c r="AV133" s="205"/>
      <c r="AW133" s="205"/>
      <c r="AX133" s="205"/>
      <c r="AY133" s="205"/>
      <c r="AZ133" s="205"/>
    </row>
    <row r="134" spans="4:52" x14ac:dyDescent="0.55000000000000004">
      <c r="D134" s="205"/>
      <c r="E134" s="205"/>
      <c r="F134" s="205"/>
      <c r="G134" s="205"/>
      <c r="H134" s="205"/>
      <c r="I134" s="205"/>
      <c r="J134" s="205"/>
      <c r="K134" s="205"/>
      <c r="L134" s="205"/>
      <c r="M134" s="205"/>
      <c r="N134" s="205"/>
      <c r="O134" s="205"/>
      <c r="P134" s="205"/>
      <c r="Q134" s="205"/>
      <c r="R134" s="205"/>
      <c r="S134" s="205"/>
      <c r="T134" s="205"/>
      <c r="U134" s="205"/>
      <c r="V134" s="205"/>
      <c r="W134" s="205"/>
      <c r="X134" s="205"/>
      <c r="Y134" s="205"/>
      <c r="Z134" s="205"/>
      <c r="AA134" s="205"/>
      <c r="AB134" s="205"/>
      <c r="AC134" s="205"/>
      <c r="AD134" s="205"/>
      <c r="AE134" s="205"/>
      <c r="AF134" s="205"/>
      <c r="AG134" s="205"/>
      <c r="AH134" s="205"/>
      <c r="AI134" s="205"/>
      <c r="AJ134" s="205"/>
      <c r="AK134" s="205"/>
      <c r="AL134" s="205"/>
      <c r="AM134" s="205"/>
      <c r="AN134" s="205"/>
      <c r="AO134" s="205"/>
      <c r="AP134" s="205"/>
      <c r="AQ134" s="205"/>
      <c r="AR134" s="205"/>
      <c r="AS134" s="205"/>
      <c r="AT134" s="205"/>
      <c r="AU134" s="205"/>
      <c r="AV134" s="205"/>
      <c r="AW134" s="205"/>
      <c r="AX134" s="205"/>
      <c r="AY134" s="205"/>
      <c r="AZ134" s="205"/>
    </row>
    <row r="135" spans="4:52" x14ac:dyDescent="0.55000000000000004">
      <c r="D135" s="205"/>
      <c r="E135" s="205"/>
      <c r="F135" s="205"/>
      <c r="G135" s="205"/>
      <c r="H135" s="205"/>
      <c r="I135" s="205"/>
      <c r="J135" s="205"/>
      <c r="K135" s="205"/>
      <c r="L135" s="205"/>
      <c r="M135" s="205"/>
      <c r="N135" s="205"/>
      <c r="O135" s="205"/>
      <c r="P135" s="205"/>
      <c r="Q135" s="205"/>
      <c r="R135" s="205"/>
      <c r="S135" s="205"/>
      <c r="T135" s="205"/>
      <c r="U135" s="205"/>
      <c r="V135" s="205"/>
      <c r="W135" s="205"/>
      <c r="X135" s="205"/>
      <c r="Y135" s="205"/>
      <c r="Z135" s="205"/>
      <c r="AA135" s="205"/>
      <c r="AB135" s="205"/>
      <c r="AC135" s="205"/>
      <c r="AD135" s="205"/>
      <c r="AE135" s="205"/>
      <c r="AF135" s="205"/>
      <c r="AG135" s="205"/>
      <c r="AH135" s="205"/>
      <c r="AI135" s="205"/>
      <c r="AJ135" s="205"/>
      <c r="AK135" s="205"/>
      <c r="AL135" s="205"/>
      <c r="AM135" s="205"/>
      <c r="AN135" s="205"/>
      <c r="AO135" s="205"/>
      <c r="AP135" s="205"/>
      <c r="AQ135" s="205"/>
      <c r="AR135" s="205"/>
      <c r="AS135" s="205"/>
      <c r="AT135" s="205"/>
      <c r="AU135" s="205"/>
      <c r="AV135" s="205"/>
      <c r="AW135" s="205"/>
      <c r="AX135" s="205"/>
      <c r="AY135" s="205"/>
      <c r="AZ135" s="205"/>
    </row>
    <row r="136" spans="4:52" x14ac:dyDescent="0.55000000000000004">
      <c r="D136" s="205"/>
      <c r="E136" s="205"/>
      <c r="F136" s="205"/>
      <c r="G136" s="205"/>
      <c r="H136" s="205"/>
      <c r="I136" s="205"/>
      <c r="J136" s="205"/>
      <c r="K136" s="205"/>
      <c r="L136" s="205"/>
      <c r="M136" s="205"/>
      <c r="N136" s="205"/>
      <c r="O136" s="205"/>
      <c r="P136" s="205"/>
      <c r="Q136" s="205"/>
      <c r="R136" s="205"/>
      <c r="S136" s="205"/>
      <c r="T136" s="205"/>
      <c r="U136" s="205"/>
      <c r="V136" s="205"/>
      <c r="W136" s="205"/>
      <c r="X136" s="205"/>
      <c r="Y136" s="205"/>
      <c r="Z136" s="205"/>
      <c r="AA136" s="205"/>
      <c r="AB136" s="205"/>
      <c r="AC136" s="205"/>
      <c r="AD136" s="205"/>
      <c r="AE136" s="205"/>
      <c r="AF136" s="205"/>
      <c r="AG136" s="205"/>
      <c r="AH136" s="205"/>
      <c r="AI136" s="205"/>
      <c r="AJ136" s="205"/>
      <c r="AK136" s="205"/>
      <c r="AL136" s="205"/>
      <c r="AM136" s="205"/>
      <c r="AN136" s="205"/>
      <c r="AO136" s="205"/>
      <c r="AP136" s="205"/>
      <c r="AQ136" s="205"/>
      <c r="AR136" s="205"/>
      <c r="AS136" s="205"/>
      <c r="AT136" s="205"/>
      <c r="AU136" s="205"/>
      <c r="AV136" s="205"/>
      <c r="AW136" s="205"/>
      <c r="AX136" s="205"/>
      <c r="AY136" s="205"/>
      <c r="AZ136" s="205"/>
    </row>
    <row r="137" spans="4:52" x14ac:dyDescent="0.55000000000000004">
      <c r="D137" s="205"/>
      <c r="E137" s="205"/>
      <c r="F137" s="205"/>
      <c r="G137" s="205"/>
      <c r="H137" s="205"/>
      <c r="I137" s="205"/>
      <c r="J137" s="205"/>
      <c r="K137" s="205"/>
      <c r="L137" s="205"/>
      <c r="M137" s="205"/>
      <c r="N137" s="205"/>
      <c r="O137" s="205"/>
      <c r="P137" s="205"/>
      <c r="Q137" s="205"/>
      <c r="R137" s="205"/>
      <c r="S137" s="205"/>
      <c r="T137" s="205"/>
      <c r="U137" s="205"/>
      <c r="V137" s="205"/>
      <c r="W137" s="205"/>
      <c r="X137" s="205"/>
      <c r="Y137" s="205"/>
      <c r="Z137" s="205"/>
      <c r="AA137" s="205"/>
      <c r="AB137" s="205"/>
      <c r="AC137" s="205"/>
      <c r="AD137" s="205"/>
      <c r="AE137" s="205"/>
      <c r="AF137" s="205"/>
      <c r="AG137" s="205"/>
      <c r="AH137" s="205"/>
      <c r="AI137" s="205"/>
      <c r="AJ137" s="205"/>
      <c r="AK137" s="205"/>
      <c r="AL137" s="205"/>
      <c r="AM137" s="205"/>
      <c r="AN137" s="205"/>
      <c r="AO137" s="205"/>
      <c r="AP137" s="205"/>
      <c r="AQ137" s="205"/>
      <c r="AR137" s="205"/>
      <c r="AS137" s="205"/>
      <c r="AT137" s="205"/>
      <c r="AU137" s="205"/>
      <c r="AV137" s="205"/>
      <c r="AW137" s="205"/>
      <c r="AX137" s="205"/>
      <c r="AY137" s="205"/>
      <c r="AZ137" s="205"/>
    </row>
    <row r="138" spans="4:52" x14ac:dyDescent="0.55000000000000004">
      <c r="D138" s="205"/>
      <c r="E138" s="205"/>
      <c r="F138" s="205"/>
      <c r="G138" s="205"/>
      <c r="H138" s="205"/>
      <c r="I138" s="205"/>
      <c r="J138" s="205"/>
      <c r="K138" s="205"/>
      <c r="L138" s="205"/>
      <c r="M138" s="205"/>
      <c r="N138" s="205"/>
      <c r="O138" s="205"/>
      <c r="P138" s="205"/>
      <c r="Q138" s="205"/>
      <c r="R138" s="205"/>
      <c r="S138" s="205"/>
      <c r="T138" s="205"/>
      <c r="U138" s="205"/>
      <c r="V138" s="205"/>
      <c r="W138" s="205"/>
      <c r="X138" s="205"/>
      <c r="Y138" s="205"/>
      <c r="Z138" s="205"/>
      <c r="AA138" s="205"/>
      <c r="AB138" s="205"/>
      <c r="AC138" s="205"/>
      <c r="AD138" s="205"/>
      <c r="AE138" s="205"/>
      <c r="AF138" s="205"/>
      <c r="AG138" s="205"/>
      <c r="AH138" s="205"/>
      <c r="AI138" s="205"/>
      <c r="AJ138" s="205"/>
      <c r="AK138" s="205"/>
      <c r="AL138" s="205"/>
      <c r="AM138" s="205"/>
      <c r="AN138" s="205"/>
      <c r="AO138" s="205"/>
      <c r="AP138" s="205"/>
      <c r="AQ138" s="205"/>
      <c r="AR138" s="205"/>
      <c r="AS138" s="205"/>
      <c r="AT138" s="205"/>
      <c r="AU138" s="205"/>
      <c r="AV138" s="205"/>
      <c r="AW138" s="205"/>
      <c r="AX138" s="205"/>
      <c r="AY138" s="205"/>
      <c r="AZ138" s="205"/>
    </row>
    <row r="139" spans="4:52" x14ac:dyDescent="0.55000000000000004">
      <c r="D139" s="205"/>
      <c r="E139" s="205"/>
      <c r="F139" s="205"/>
      <c r="G139" s="205"/>
      <c r="H139" s="205"/>
      <c r="I139" s="205"/>
      <c r="J139" s="205"/>
      <c r="K139" s="205"/>
      <c r="L139" s="205"/>
      <c r="M139" s="205"/>
      <c r="N139" s="205"/>
      <c r="O139" s="205"/>
      <c r="P139" s="205"/>
      <c r="Q139" s="205"/>
      <c r="R139" s="205"/>
      <c r="S139" s="205"/>
      <c r="T139" s="205"/>
      <c r="U139" s="205"/>
      <c r="V139" s="205"/>
      <c r="W139" s="205"/>
      <c r="X139" s="205"/>
      <c r="Y139" s="205"/>
      <c r="Z139" s="205"/>
      <c r="AA139" s="205"/>
      <c r="AB139" s="205"/>
      <c r="AC139" s="205"/>
      <c r="AD139" s="205"/>
      <c r="AE139" s="205"/>
      <c r="AF139" s="205"/>
      <c r="AG139" s="205"/>
      <c r="AH139" s="205"/>
      <c r="AI139" s="205"/>
      <c r="AJ139" s="205"/>
      <c r="AK139" s="205"/>
      <c r="AL139" s="205"/>
      <c r="AM139" s="205"/>
      <c r="AN139" s="205"/>
      <c r="AO139" s="205"/>
      <c r="AP139" s="205"/>
      <c r="AQ139" s="205"/>
      <c r="AR139" s="205"/>
      <c r="AS139" s="205"/>
      <c r="AT139" s="205"/>
      <c r="AU139" s="205"/>
      <c r="AV139" s="205"/>
      <c r="AW139" s="205"/>
      <c r="AX139" s="205"/>
      <c r="AY139" s="205"/>
      <c r="AZ139" s="205"/>
    </row>
    <row r="140" spans="4:52" x14ac:dyDescent="0.55000000000000004">
      <c r="D140" s="205"/>
      <c r="E140" s="205"/>
      <c r="F140" s="205"/>
      <c r="G140" s="205"/>
      <c r="H140" s="205"/>
      <c r="I140" s="205"/>
      <c r="J140" s="205"/>
      <c r="K140" s="205"/>
      <c r="L140" s="205"/>
      <c r="M140" s="205"/>
      <c r="N140" s="205"/>
      <c r="O140" s="205"/>
      <c r="P140" s="205"/>
      <c r="Q140" s="205"/>
      <c r="R140" s="205"/>
      <c r="S140" s="205"/>
      <c r="T140" s="205"/>
      <c r="U140" s="205"/>
      <c r="V140" s="205"/>
      <c r="W140" s="205"/>
      <c r="X140" s="205"/>
      <c r="Y140" s="205"/>
      <c r="Z140" s="205"/>
      <c r="AA140" s="205"/>
      <c r="AB140" s="205"/>
      <c r="AC140" s="205"/>
      <c r="AD140" s="205"/>
      <c r="AE140" s="205"/>
      <c r="AF140" s="205"/>
      <c r="AG140" s="205"/>
      <c r="AH140" s="205"/>
      <c r="AI140" s="205"/>
      <c r="AJ140" s="205"/>
      <c r="AK140" s="205"/>
      <c r="AL140" s="205"/>
      <c r="AM140" s="205"/>
      <c r="AN140" s="205"/>
      <c r="AO140" s="205"/>
      <c r="AP140" s="205"/>
      <c r="AQ140" s="205"/>
      <c r="AR140" s="205"/>
      <c r="AS140" s="205"/>
      <c r="AT140" s="205"/>
      <c r="AU140" s="205"/>
      <c r="AV140" s="205"/>
      <c r="AW140" s="205"/>
      <c r="AX140" s="205"/>
      <c r="AY140" s="205"/>
      <c r="AZ140" s="205"/>
    </row>
    <row r="141" spans="4:52" x14ac:dyDescent="0.55000000000000004">
      <c r="D141" s="205"/>
      <c r="E141" s="205"/>
      <c r="F141" s="205"/>
      <c r="G141" s="205"/>
      <c r="H141" s="205"/>
      <c r="I141" s="205"/>
      <c r="J141" s="205"/>
      <c r="K141" s="205"/>
      <c r="L141" s="205"/>
      <c r="M141" s="205"/>
      <c r="N141" s="205"/>
      <c r="O141" s="205"/>
      <c r="P141" s="205"/>
      <c r="Q141" s="205"/>
      <c r="R141" s="205"/>
      <c r="S141" s="205"/>
      <c r="T141" s="205"/>
      <c r="U141" s="205"/>
      <c r="V141" s="205"/>
      <c r="W141" s="205"/>
      <c r="X141" s="205"/>
      <c r="Y141" s="205"/>
      <c r="Z141" s="205"/>
      <c r="AA141" s="205"/>
      <c r="AB141" s="205"/>
      <c r="AC141" s="205"/>
      <c r="AD141" s="205"/>
      <c r="AE141" s="205"/>
      <c r="AF141" s="205"/>
      <c r="AG141" s="205"/>
      <c r="AH141" s="205"/>
      <c r="AI141" s="205"/>
      <c r="AJ141" s="205"/>
      <c r="AK141" s="205"/>
      <c r="AL141" s="205"/>
      <c r="AM141" s="205"/>
      <c r="AN141" s="205"/>
      <c r="AO141" s="205"/>
      <c r="AP141" s="205"/>
      <c r="AQ141" s="205"/>
      <c r="AR141" s="205"/>
      <c r="AS141" s="205"/>
      <c r="AT141" s="205"/>
      <c r="AU141" s="205"/>
      <c r="AV141" s="205"/>
      <c r="AW141" s="205"/>
      <c r="AX141" s="205"/>
      <c r="AY141" s="205"/>
      <c r="AZ141" s="205"/>
    </row>
    <row r="142" spans="4:52" x14ac:dyDescent="0.55000000000000004">
      <c r="D142" s="205"/>
      <c r="E142" s="205"/>
      <c r="F142" s="205"/>
      <c r="G142" s="205"/>
      <c r="H142" s="205"/>
      <c r="I142" s="205"/>
      <c r="J142" s="205"/>
      <c r="K142" s="205"/>
      <c r="L142" s="205"/>
      <c r="M142" s="205"/>
      <c r="N142" s="205"/>
      <c r="O142" s="205"/>
      <c r="P142" s="205"/>
      <c r="Q142" s="205"/>
      <c r="R142" s="205"/>
      <c r="S142" s="205"/>
      <c r="T142" s="205"/>
      <c r="U142" s="205"/>
      <c r="V142" s="205"/>
      <c r="W142" s="205"/>
      <c r="X142" s="205"/>
      <c r="Y142" s="205"/>
      <c r="Z142" s="205"/>
      <c r="AA142" s="205"/>
      <c r="AB142" s="205"/>
      <c r="AC142" s="205"/>
      <c r="AD142" s="205"/>
      <c r="AE142" s="205"/>
      <c r="AF142" s="205"/>
      <c r="AG142" s="205"/>
      <c r="AH142" s="205"/>
      <c r="AI142" s="205"/>
      <c r="AJ142" s="205"/>
      <c r="AK142" s="205"/>
      <c r="AL142" s="205"/>
      <c r="AM142" s="205"/>
      <c r="AN142" s="205"/>
      <c r="AO142" s="205"/>
      <c r="AP142" s="205"/>
      <c r="AQ142" s="205"/>
      <c r="AR142" s="205"/>
      <c r="AS142" s="205"/>
      <c r="AT142" s="205"/>
      <c r="AU142" s="205"/>
      <c r="AV142" s="205"/>
      <c r="AW142" s="205"/>
      <c r="AX142" s="205"/>
      <c r="AY142" s="205"/>
      <c r="AZ142" s="205"/>
    </row>
    <row r="143" spans="4:52" x14ac:dyDescent="0.55000000000000004">
      <c r="D143" s="205"/>
      <c r="E143" s="205"/>
      <c r="F143" s="205"/>
      <c r="G143" s="205"/>
      <c r="H143" s="205"/>
      <c r="I143" s="205"/>
      <c r="J143" s="205"/>
      <c r="K143" s="205"/>
      <c r="L143" s="205"/>
      <c r="M143" s="205"/>
      <c r="N143" s="205"/>
      <c r="O143" s="205"/>
      <c r="P143" s="205"/>
      <c r="Q143" s="205"/>
      <c r="R143" s="205"/>
      <c r="S143" s="205"/>
      <c r="T143" s="205"/>
      <c r="U143" s="205"/>
      <c r="V143" s="205"/>
      <c r="W143" s="205"/>
      <c r="X143" s="205"/>
      <c r="Y143" s="205"/>
      <c r="Z143" s="205"/>
      <c r="AA143" s="205"/>
      <c r="AB143" s="205"/>
      <c r="AC143" s="205"/>
      <c r="AD143" s="205"/>
      <c r="AE143" s="205"/>
      <c r="AF143" s="205"/>
      <c r="AG143" s="205"/>
      <c r="AH143" s="205"/>
      <c r="AI143" s="205"/>
      <c r="AJ143" s="205"/>
      <c r="AK143" s="205"/>
      <c r="AL143" s="205"/>
      <c r="AM143" s="205"/>
      <c r="AN143" s="205"/>
      <c r="AO143" s="205"/>
      <c r="AP143" s="205"/>
      <c r="AQ143" s="205"/>
      <c r="AR143" s="205"/>
      <c r="AS143" s="205"/>
      <c r="AT143" s="205"/>
      <c r="AU143" s="205"/>
      <c r="AV143" s="205"/>
      <c r="AW143" s="205"/>
      <c r="AX143" s="205"/>
      <c r="AY143" s="205"/>
      <c r="AZ143" s="205"/>
    </row>
    <row r="144" spans="4:52" x14ac:dyDescent="0.55000000000000004">
      <c r="D144" s="205"/>
      <c r="E144" s="205"/>
      <c r="F144" s="205"/>
      <c r="G144" s="205"/>
      <c r="H144" s="205"/>
      <c r="I144" s="205"/>
      <c r="J144" s="205"/>
      <c r="K144" s="205"/>
      <c r="L144" s="205"/>
      <c r="M144" s="205"/>
      <c r="N144" s="205"/>
      <c r="O144" s="205"/>
      <c r="P144" s="205"/>
      <c r="Q144" s="205"/>
      <c r="R144" s="205"/>
      <c r="S144" s="205"/>
      <c r="T144" s="205"/>
      <c r="U144" s="205"/>
      <c r="V144" s="205"/>
      <c r="W144" s="205"/>
      <c r="X144" s="205"/>
      <c r="Y144" s="205"/>
      <c r="Z144" s="205"/>
      <c r="AA144" s="205"/>
      <c r="AB144" s="205"/>
      <c r="AC144" s="205"/>
      <c r="AD144" s="205"/>
      <c r="AE144" s="205"/>
      <c r="AF144" s="205"/>
      <c r="AG144" s="205"/>
      <c r="AH144" s="205"/>
      <c r="AI144" s="205"/>
      <c r="AJ144" s="205"/>
      <c r="AK144" s="205"/>
      <c r="AL144" s="205"/>
      <c r="AM144" s="205"/>
      <c r="AN144" s="205"/>
      <c r="AO144" s="205"/>
      <c r="AP144" s="205"/>
      <c r="AQ144" s="205"/>
      <c r="AR144" s="205"/>
      <c r="AS144" s="205"/>
      <c r="AT144" s="205"/>
      <c r="AU144" s="205"/>
      <c r="AV144" s="205"/>
      <c r="AW144" s="205"/>
      <c r="AX144" s="205"/>
      <c r="AY144" s="205"/>
      <c r="AZ144" s="205"/>
    </row>
    <row r="145" spans="4:52" x14ac:dyDescent="0.55000000000000004">
      <c r="D145" s="205"/>
      <c r="E145" s="205"/>
      <c r="F145" s="205"/>
      <c r="G145" s="205"/>
      <c r="H145" s="205"/>
      <c r="I145" s="205"/>
      <c r="J145" s="205"/>
      <c r="K145" s="205"/>
      <c r="L145" s="205"/>
      <c r="M145" s="205"/>
      <c r="N145" s="205"/>
      <c r="O145" s="205"/>
      <c r="P145" s="205"/>
      <c r="Q145" s="205"/>
      <c r="R145" s="205"/>
      <c r="S145" s="205"/>
      <c r="T145" s="205"/>
      <c r="U145" s="205"/>
      <c r="V145" s="205"/>
      <c r="W145" s="205"/>
      <c r="X145" s="205"/>
      <c r="Y145" s="205"/>
      <c r="Z145" s="205"/>
      <c r="AA145" s="205"/>
      <c r="AB145" s="205"/>
      <c r="AC145" s="205"/>
      <c r="AD145" s="205"/>
      <c r="AE145" s="205"/>
      <c r="AF145" s="205"/>
      <c r="AG145" s="205"/>
      <c r="AH145" s="205"/>
      <c r="AI145" s="205"/>
      <c r="AJ145" s="205"/>
      <c r="AK145" s="205"/>
      <c r="AL145" s="205"/>
      <c r="AM145" s="205"/>
      <c r="AN145" s="205"/>
      <c r="AO145" s="205"/>
      <c r="AP145" s="205"/>
      <c r="AQ145" s="205"/>
      <c r="AR145" s="205"/>
      <c r="AS145" s="205"/>
      <c r="AT145" s="205"/>
      <c r="AU145" s="205"/>
      <c r="AV145" s="205"/>
      <c r="AW145" s="205"/>
      <c r="AX145" s="205"/>
      <c r="AY145" s="205"/>
      <c r="AZ145" s="205"/>
    </row>
    <row r="146" spans="4:52" x14ac:dyDescent="0.55000000000000004">
      <c r="D146" s="205"/>
      <c r="E146" s="205"/>
      <c r="F146" s="205"/>
      <c r="G146" s="205"/>
      <c r="H146" s="205"/>
      <c r="I146" s="205"/>
      <c r="J146" s="205"/>
      <c r="K146" s="205"/>
      <c r="L146" s="205"/>
      <c r="M146" s="205"/>
      <c r="N146" s="205"/>
      <c r="O146" s="205"/>
      <c r="P146" s="205"/>
      <c r="Q146" s="205"/>
      <c r="R146" s="205"/>
      <c r="S146" s="205"/>
      <c r="T146" s="205"/>
      <c r="U146" s="205"/>
      <c r="V146" s="205"/>
      <c r="W146" s="205"/>
      <c r="X146" s="205"/>
      <c r="Y146" s="205"/>
      <c r="Z146" s="205"/>
      <c r="AA146" s="205"/>
      <c r="AB146" s="205"/>
      <c r="AC146" s="205"/>
      <c r="AD146" s="205"/>
      <c r="AE146" s="205"/>
      <c r="AF146" s="205"/>
      <c r="AG146" s="205"/>
      <c r="AH146" s="205"/>
      <c r="AI146" s="205"/>
      <c r="AJ146" s="205"/>
      <c r="AK146" s="205"/>
      <c r="AL146" s="205"/>
      <c r="AM146" s="205"/>
      <c r="AN146" s="205"/>
      <c r="AO146" s="205"/>
      <c r="AP146" s="205"/>
      <c r="AQ146" s="205"/>
      <c r="AR146" s="205"/>
      <c r="AS146" s="205"/>
      <c r="AT146" s="205"/>
      <c r="AU146" s="205"/>
      <c r="AV146" s="205"/>
      <c r="AW146" s="205"/>
      <c r="AX146" s="205"/>
      <c r="AY146" s="205"/>
      <c r="AZ146" s="205"/>
    </row>
    <row r="147" spans="4:52" x14ac:dyDescent="0.55000000000000004">
      <c r="D147" s="205"/>
      <c r="E147" s="205"/>
      <c r="F147" s="205"/>
      <c r="G147" s="205"/>
      <c r="H147" s="205"/>
      <c r="I147" s="205"/>
      <c r="J147" s="205"/>
      <c r="K147" s="205"/>
      <c r="L147" s="205"/>
      <c r="M147" s="205"/>
      <c r="N147" s="205"/>
      <c r="O147" s="205"/>
      <c r="P147" s="205"/>
      <c r="Q147" s="205"/>
      <c r="R147" s="205"/>
      <c r="S147" s="205"/>
      <c r="T147" s="205"/>
      <c r="U147" s="205"/>
      <c r="V147" s="205"/>
      <c r="W147" s="205"/>
      <c r="X147" s="205"/>
      <c r="Y147" s="205"/>
      <c r="Z147" s="205"/>
      <c r="AA147" s="205"/>
      <c r="AB147" s="205"/>
      <c r="AC147" s="205"/>
      <c r="AD147" s="205"/>
      <c r="AE147" s="205"/>
      <c r="AF147" s="205"/>
      <c r="AG147" s="205"/>
      <c r="AH147" s="205"/>
      <c r="AI147" s="205"/>
      <c r="AJ147" s="205"/>
      <c r="AK147" s="205"/>
      <c r="AL147" s="205"/>
      <c r="AM147" s="205"/>
      <c r="AN147" s="205"/>
      <c r="AO147" s="205"/>
      <c r="AP147" s="205"/>
      <c r="AQ147" s="205"/>
      <c r="AR147" s="205"/>
      <c r="AS147" s="205"/>
      <c r="AT147" s="205"/>
      <c r="AU147" s="205"/>
      <c r="AV147" s="205"/>
      <c r="AW147" s="205"/>
      <c r="AX147" s="205"/>
      <c r="AY147" s="205"/>
      <c r="AZ147" s="205"/>
    </row>
    <row r="148" spans="4:52" x14ac:dyDescent="0.55000000000000004">
      <c r="D148" s="205"/>
      <c r="E148" s="205"/>
      <c r="F148" s="205"/>
      <c r="G148" s="205"/>
      <c r="H148" s="205"/>
      <c r="I148" s="205"/>
      <c r="J148" s="205"/>
      <c r="K148" s="205"/>
      <c r="L148" s="205"/>
      <c r="M148" s="205"/>
      <c r="N148" s="205"/>
      <c r="O148" s="205"/>
      <c r="P148" s="205"/>
      <c r="Q148" s="205"/>
      <c r="R148" s="205"/>
      <c r="S148" s="205"/>
      <c r="T148" s="205"/>
      <c r="U148" s="205"/>
      <c r="V148" s="205"/>
      <c r="W148" s="205"/>
      <c r="X148" s="205"/>
      <c r="Y148" s="205"/>
      <c r="Z148" s="205"/>
      <c r="AA148" s="205"/>
      <c r="AB148" s="205"/>
      <c r="AC148" s="205"/>
      <c r="AD148" s="205"/>
      <c r="AE148" s="205"/>
      <c r="AF148" s="205"/>
      <c r="AG148" s="205"/>
      <c r="AH148" s="205"/>
      <c r="AI148" s="205"/>
      <c r="AJ148" s="205"/>
      <c r="AK148" s="205"/>
      <c r="AL148" s="205"/>
      <c r="AM148" s="205"/>
      <c r="AN148" s="205"/>
      <c r="AO148" s="205"/>
      <c r="AP148" s="205"/>
      <c r="AQ148" s="205"/>
      <c r="AR148" s="205"/>
      <c r="AS148" s="205"/>
      <c r="AT148" s="205"/>
      <c r="AU148" s="205"/>
      <c r="AV148" s="205"/>
      <c r="AW148" s="205"/>
      <c r="AX148" s="205"/>
      <c r="AY148" s="205"/>
      <c r="AZ148" s="205"/>
    </row>
    <row r="149" spans="4:52" x14ac:dyDescent="0.55000000000000004">
      <c r="D149" s="205"/>
      <c r="E149" s="205"/>
      <c r="F149" s="205"/>
      <c r="G149" s="205"/>
      <c r="H149" s="205"/>
      <c r="I149" s="205"/>
      <c r="J149" s="205"/>
      <c r="K149" s="205"/>
      <c r="L149" s="205"/>
      <c r="M149" s="205"/>
      <c r="N149" s="205"/>
      <c r="O149" s="205"/>
      <c r="P149" s="205"/>
      <c r="Q149" s="205"/>
      <c r="R149" s="205"/>
      <c r="S149" s="205"/>
      <c r="T149" s="205"/>
      <c r="U149" s="205"/>
      <c r="V149" s="205"/>
      <c r="W149" s="205"/>
      <c r="X149" s="205"/>
      <c r="Y149" s="205"/>
      <c r="Z149" s="205"/>
      <c r="AA149" s="205"/>
      <c r="AB149" s="205"/>
      <c r="AC149" s="205"/>
      <c r="AD149" s="205"/>
      <c r="AE149" s="205"/>
      <c r="AF149" s="205"/>
      <c r="AG149" s="205"/>
      <c r="AH149" s="205"/>
      <c r="AI149" s="205"/>
      <c r="AJ149" s="205"/>
      <c r="AK149" s="205"/>
      <c r="AL149" s="205"/>
      <c r="AM149" s="205"/>
      <c r="AN149" s="205"/>
      <c r="AO149" s="205"/>
      <c r="AP149" s="205"/>
      <c r="AQ149" s="205"/>
      <c r="AR149" s="205"/>
      <c r="AS149" s="205"/>
      <c r="AT149" s="205"/>
      <c r="AU149" s="205"/>
      <c r="AV149" s="205"/>
      <c r="AW149" s="205"/>
      <c r="AX149" s="205"/>
      <c r="AY149" s="205"/>
      <c r="AZ149" s="205"/>
    </row>
    <row r="150" spans="4:52" x14ac:dyDescent="0.55000000000000004">
      <c r="D150" s="205"/>
      <c r="E150" s="205"/>
      <c r="F150" s="205"/>
      <c r="G150" s="205"/>
      <c r="H150" s="205"/>
      <c r="I150" s="205"/>
      <c r="J150" s="205"/>
      <c r="K150" s="205"/>
      <c r="L150" s="205"/>
      <c r="M150" s="205"/>
      <c r="N150" s="205"/>
      <c r="O150" s="205"/>
      <c r="P150" s="205"/>
      <c r="Q150" s="205"/>
      <c r="R150" s="205"/>
      <c r="S150" s="205"/>
      <c r="T150" s="205"/>
      <c r="U150" s="205"/>
      <c r="V150" s="205"/>
      <c r="W150" s="205"/>
      <c r="X150" s="205"/>
      <c r="Y150" s="205"/>
      <c r="Z150" s="205"/>
      <c r="AA150" s="205"/>
      <c r="AB150" s="205"/>
      <c r="AC150" s="205"/>
      <c r="AD150" s="205"/>
      <c r="AE150" s="205"/>
      <c r="AF150" s="205"/>
      <c r="AG150" s="205"/>
      <c r="AH150" s="205"/>
      <c r="AI150" s="205"/>
      <c r="AJ150" s="205"/>
      <c r="AK150" s="205"/>
      <c r="AL150" s="205"/>
      <c r="AM150" s="205"/>
      <c r="AN150" s="205"/>
      <c r="AO150" s="205"/>
      <c r="AP150" s="205"/>
      <c r="AQ150" s="205"/>
      <c r="AR150" s="205"/>
      <c r="AS150" s="205"/>
      <c r="AT150" s="205"/>
      <c r="AU150" s="205"/>
      <c r="AV150" s="205"/>
      <c r="AW150" s="205"/>
      <c r="AX150" s="205"/>
      <c r="AY150" s="205"/>
      <c r="AZ150" s="205"/>
    </row>
    <row r="151" spans="4:52" x14ac:dyDescent="0.55000000000000004">
      <c r="D151" s="205"/>
      <c r="E151" s="205"/>
      <c r="F151" s="205"/>
      <c r="G151" s="205"/>
      <c r="H151" s="205"/>
      <c r="I151" s="205"/>
      <c r="J151" s="205"/>
      <c r="K151" s="205"/>
      <c r="L151" s="205"/>
      <c r="M151" s="205"/>
      <c r="N151" s="205"/>
      <c r="O151" s="205"/>
      <c r="P151" s="205"/>
      <c r="Q151" s="205"/>
      <c r="R151" s="205"/>
      <c r="S151" s="205"/>
      <c r="T151" s="205"/>
      <c r="U151" s="205"/>
      <c r="V151" s="205"/>
      <c r="W151" s="205"/>
      <c r="X151" s="205"/>
      <c r="Y151" s="205"/>
      <c r="Z151" s="205"/>
      <c r="AA151" s="205"/>
      <c r="AB151" s="205"/>
      <c r="AC151" s="205"/>
      <c r="AD151" s="205"/>
      <c r="AE151" s="205"/>
      <c r="AF151" s="205"/>
      <c r="AG151" s="205"/>
      <c r="AH151" s="205"/>
      <c r="AI151" s="205"/>
      <c r="AJ151" s="205"/>
      <c r="AK151" s="205"/>
      <c r="AL151" s="205"/>
      <c r="AM151" s="205"/>
      <c r="AN151" s="205"/>
      <c r="AO151" s="205"/>
      <c r="AP151" s="205"/>
      <c r="AQ151" s="205"/>
      <c r="AR151" s="205"/>
      <c r="AS151" s="205"/>
      <c r="AT151" s="205"/>
      <c r="AU151" s="205"/>
      <c r="AV151" s="205"/>
      <c r="AW151" s="205"/>
      <c r="AX151" s="205"/>
      <c r="AY151" s="205"/>
      <c r="AZ151" s="205"/>
    </row>
    <row r="152" spans="4:52" x14ac:dyDescent="0.55000000000000004">
      <c r="D152" s="205"/>
      <c r="E152" s="205"/>
      <c r="F152" s="205"/>
      <c r="G152" s="205"/>
      <c r="H152" s="205"/>
      <c r="I152" s="205"/>
      <c r="J152" s="205"/>
      <c r="K152" s="205"/>
      <c r="L152" s="205"/>
      <c r="M152" s="205"/>
      <c r="N152" s="205"/>
      <c r="O152" s="205"/>
      <c r="P152" s="205"/>
      <c r="Q152" s="205"/>
      <c r="R152" s="205"/>
      <c r="S152" s="205"/>
      <c r="T152" s="205"/>
      <c r="U152" s="205"/>
      <c r="V152" s="205"/>
      <c r="W152" s="205"/>
      <c r="X152" s="205"/>
      <c r="Y152" s="205"/>
      <c r="Z152" s="205"/>
      <c r="AA152" s="205"/>
      <c r="AB152" s="205"/>
      <c r="AC152" s="205"/>
      <c r="AD152" s="205"/>
      <c r="AE152" s="205"/>
      <c r="AF152" s="205"/>
      <c r="AG152" s="205"/>
      <c r="AH152" s="205"/>
      <c r="AI152" s="205"/>
      <c r="AJ152" s="205"/>
      <c r="AK152" s="205"/>
      <c r="AL152" s="205"/>
      <c r="AM152" s="205"/>
      <c r="AN152" s="205"/>
      <c r="AO152" s="205"/>
      <c r="AP152" s="205"/>
      <c r="AQ152" s="205"/>
      <c r="AR152" s="205"/>
      <c r="AS152" s="205"/>
      <c r="AT152" s="205"/>
      <c r="AU152" s="205"/>
      <c r="AV152" s="205"/>
      <c r="AW152" s="205"/>
      <c r="AX152" s="205"/>
      <c r="AY152" s="205"/>
      <c r="AZ152" s="205"/>
    </row>
    <row r="153" spans="4:52" x14ac:dyDescent="0.55000000000000004">
      <c r="D153" s="205"/>
      <c r="E153" s="205"/>
      <c r="F153" s="205"/>
      <c r="G153" s="205"/>
      <c r="H153" s="205"/>
      <c r="I153" s="205"/>
      <c r="J153" s="205"/>
      <c r="K153" s="205"/>
      <c r="L153" s="205"/>
      <c r="M153" s="205"/>
      <c r="N153" s="205"/>
      <c r="O153" s="205"/>
      <c r="P153" s="205"/>
      <c r="Q153" s="205"/>
      <c r="R153" s="205"/>
      <c r="S153" s="205"/>
      <c r="T153" s="205"/>
      <c r="U153" s="205"/>
      <c r="V153" s="205"/>
      <c r="W153" s="205"/>
      <c r="X153" s="205"/>
      <c r="Y153" s="205"/>
      <c r="Z153" s="205"/>
      <c r="AA153" s="205"/>
      <c r="AB153" s="205"/>
      <c r="AC153" s="205"/>
      <c r="AD153" s="205"/>
      <c r="AE153" s="205"/>
      <c r="AF153" s="205"/>
      <c r="AG153" s="205"/>
      <c r="AH153" s="205"/>
      <c r="AI153" s="205"/>
      <c r="AJ153" s="205"/>
      <c r="AK153" s="205"/>
      <c r="AL153" s="205"/>
      <c r="AM153" s="205"/>
      <c r="AN153" s="205"/>
      <c r="AO153" s="205"/>
      <c r="AP153" s="205"/>
      <c r="AQ153" s="205"/>
      <c r="AR153" s="205"/>
      <c r="AS153" s="205"/>
      <c r="AT153" s="205"/>
      <c r="AU153" s="205"/>
      <c r="AV153" s="205"/>
      <c r="AW153" s="205"/>
      <c r="AX153" s="205"/>
      <c r="AY153" s="205"/>
      <c r="AZ153" s="205"/>
    </row>
    <row r="154" spans="4:52" x14ac:dyDescent="0.55000000000000004">
      <c r="D154" s="205"/>
      <c r="E154" s="205"/>
      <c r="F154" s="205"/>
      <c r="G154" s="205"/>
      <c r="H154" s="205"/>
      <c r="I154" s="205"/>
      <c r="J154" s="205"/>
      <c r="K154" s="205"/>
      <c r="L154" s="205"/>
      <c r="M154" s="205"/>
      <c r="N154" s="205"/>
      <c r="O154" s="205"/>
      <c r="P154" s="205"/>
      <c r="Q154" s="205"/>
      <c r="R154" s="205"/>
      <c r="S154" s="205"/>
      <c r="T154" s="205"/>
      <c r="U154" s="205"/>
      <c r="V154" s="205"/>
      <c r="W154" s="205"/>
      <c r="X154" s="205"/>
      <c r="Y154" s="205"/>
      <c r="Z154" s="205"/>
      <c r="AA154" s="205"/>
      <c r="AB154" s="205"/>
      <c r="AC154" s="205"/>
      <c r="AD154" s="205"/>
      <c r="AE154" s="205"/>
      <c r="AF154" s="205"/>
      <c r="AG154" s="205"/>
      <c r="AH154" s="205"/>
      <c r="AI154" s="205"/>
      <c r="AJ154" s="205"/>
      <c r="AK154" s="205"/>
      <c r="AL154" s="205"/>
      <c r="AM154" s="205"/>
      <c r="AN154" s="205"/>
      <c r="AO154" s="205"/>
      <c r="AP154" s="205"/>
      <c r="AQ154" s="205"/>
      <c r="AR154" s="205"/>
      <c r="AS154" s="205"/>
      <c r="AT154" s="205"/>
      <c r="AU154" s="205"/>
      <c r="AV154" s="205"/>
      <c r="AW154" s="205"/>
      <c r="AX154" s="205"/>
      <c r="AY154" s="205"/>
      <c r="AZ154" s="205"/>
    </row>
    <row r="155" spans="4:52" x14ac:dyDescent="0.55000000000000004">
      <c r="D155" s="205"/>
      <c r="E155" s="205"/>
      <c r="F155" s="205"/>
      <c r="G155" s="205"/>
      <c r="H155" s="205"/>
      <c r="I155" s="205"/>
      <c r="J155" s="205"/>
      <c r="K155" s="205"/>
      <c r="L155" s="205"/>
      <c r="M155" s="205"/>
      <c r="N155" s="205"/>
      <c r="O155" s="205"/>
      <c r="P155" s="205"/>
      <c r="Q155" s="205"/>
      <c r="R155" s="205"/>
      <c r="S155" s="205"/>
      <c r="T155" s="205"/>
      <c r="U155" s="205"/>
      <c r="V155" s="205"/>
      <c r="W155" s="205"/>
      <c r="X155" s="205"/>
      <c r="Y155" s="205"/>
      <c r="Z155" s="205"/>
      <c r="AA155" s="205"/>
      <c r="AB155" s="205"/>
      <c r="AC155" s="205"/>
      <c r="AD155" s="205"/>
      <c r="AE155" s="205"/>
      <c r="AF155" s="205"/>
      <c r="AG155" s="205"/>
      <c r="AH155" s="205"/>
      <c r="AI155" s="205"/>
      <c r="AJ155" s="205"/>
      <c r="AK155" s="205"/>
      <c r="AL155" s="205"/>
      <c r="AM155" s="205"/>
      <c r="AN155" s="205"/>
      <c r="AO155" s="205"/>
      <c r="AP155" s="205"/>
      <c r="AQ155" s="205"/>
      <c r="AR155" s="205"/>
      <c r="AS155" s="205"/>
      <c r="AT155" s="205"/>
      <c r="AU155" s="205"/>
      <c r="AV155" s="205"/>
      <c r="AW155" s="205"/>
      <c r="AX155" s="205"/>
      <c r="AY155" s="205"/>
      <c r="AZ155" s="205"/>
    </row>
    <row r="156" spans="4:52" x14ac:dyDescent="0.55000000000000004">
      <c r="D156" s="205"/>
      <c r="E156" s="205"/>
      <c r="F156" s="205"/>
      <c r="G156" s="205"/>
      <c r="H156" s="205"/>
      <c r="I156" s="205"/>
      <c r="J156" s="205"/>
      <c r="K156" s="205"/>
      <c r="L156" s="205"/>
      <c r="M156" s="205"/>
      <c r="N156" s="205"/>
      <c r="O156" s="205"/>
      <c r="P156" s="205"/>
      <c r="Q156" s="205"/>
      <c r="R156" s="205"/>
      <c r="S156" s="205"/>
      <c r="T156" s="205"/>
      <c r="U156" s="205"/>
      <c r="V156" s="205"/>
      <c r="W156" s="205"/>
      <c r="X156" s="205"/>
      <c r="Y156" s="205"/>
      <c r="Z156" s="205"/>
      <c r="AA156" s="205"/>
      <c r="AB156" s="205"/>
      <c r="AC156" s="205"/>
      <c r="AD156" s="205"/>
      <c r="AE156" s="205"/>
      <c r="AF156" s="205"/>
      <c r="AG156" s="205"/>
      <c r="AH156" s="205"/>
      <c r="AI156" s="205"/>
      <c r="AJ156" s="205"/>
      <c r="AK156" s="205"/>
      <c r="AL156" s="205"/>
      <c r="AM156" s="205"/>
      <c r="AN156" s="205"/>
      <c r="AO156" s="205"/>
      <c r="AP156" s="205"/>
      <c r="AQ156" s="205"/>
      <c r="AR156" s="205"/>
      <c r="AS156" s="205"/>
      <c r="AT156" s="205"/>
      <c r="AU156" s="205"/>
      <c r="AV156" s="205"/>
      <c r="AW156" s="205"/>
      <c r="AX156" s="205"/>
      <c r="AY156" s="205"/>
      <c r="AZ156" s="205"/>
    </row>
    <row r="157" spans="4:52" x14ac:dyDescent="0.55000000000000004">
      <c r="D157" s="205"/>
      <c r="E157" s="205"/>
      <c r="F157" s="205"/>
      <c r="G157" s="205"/>
      <c r="H157" s="205"/>
      <c r="I157" s="205"/>
      <c r="J157" s="205"/>
      <c r="K157" s="205"/>
      <c r="L157" s="205"/>
      <c r="M157" s="205"/>
      <c r="N157" s="205"/>
      <c r="O157" s="205"/>
      <c r="P157" s="205"/>
      <c r="Q157" s="205"/>
      <c r="R157" s="205"/>
      <c r="S157" s="205"/>
      <c r="T157" s="205"/>
      <c r="U157" s="205"/>
      <c r="V157" s="205"/>
      <c r="W157" s="205"/>
      <c r="X157" s="205"/>
      <c r="Y157" s="205"/>
      <c r="Z157" s="205"/>
      <c r="AA157" s="205"/>
      <c r="AB157" s="205"/>
      <c r="AC157" s="205"/>
      <c r="AD157" s="205"/>
      <c r="AE157" s="205"/>
      <c r="AF157" s="205"/>
      <c r="AG157" s="205"/>
      <c r="AH157" s="205"/>
      <c r="AI157" s="205"/>
      <c r="AJ157" s="205"/>
      <c r="AK157" s="205"/>
      <c r="AL157" s="205"/>
      <c r="AM157" s="205"/>
      <c r="AN157" s="205"/>
      <c r="AO157" s="205"/>
      <c r="AP157" s="205"/>
      <c r="AQ157" s="205"/>
      <c r="AR157" s="205"/>
      <c r="AS157" s="205"/>
      <c r="AT157" s="205"/>
      <c r="AU157" s="205"/>
      <c r="AV157" s="205"/>
      <c r="AW157" s="205"/>
      <c r="AX157" s="205"/>
      <c r="AY157" s="205"/>
      <c r="AZ157" s="205"/>
    </row>
    <row r="158" spans="4:52" x14ac:dyDescent="0.55000000000000004">
      <c r="D158" s="205"/>
      <c r="E158" s="205"/>
      <c r="F158" s="205"/>
      <c r="G158" s="205"/>
      <c r="H158" s="205"/>
      <c r="I158" s="205"/>
      <c r="J158" s="205"/>
      <c r="K158" s="205"/>
      <c r="L158" s="205"/>
      <c r="M158" s="205"/>
      <c r="N158" s="205"/>
      <c r="O158" s="205"/>
      <c r="P158" s="205"/>
      <c r="Q158" s="205"/>
      <c r="R158" s="205"/>
      <c r="S158" s="205"/>
      <c r="T158" s="205"/>
      <c r="U158" s="205"/>
      <c r="V158" s="205"/>
      <c r="W158" s="205"/>
      <c r="X158" s="205"/>
      <c r="Y158" s="205"/>
      <c r="Z158" s="205"/>
      <c r="AA158" s="205"/>
      <c r="AB158" s="205"/>
      <c r="AC158" s="205"/>
      <c r="AD158" s="205"/>
      <c r="AE158" s="205"/>
      <c r="AF158" s="205"/>
      <c r="AG158" s="205"/>
      <c r="AH158" s="205"/>
      <c r="AI158" s="205"/>
      <c r="AJ158" s="205"/>
      <c r="AK158" s="205"/>
      <c r="AL158" s="205"/>
      <c r="AM158" s="205"/>
      <c r="AN158" s="205"/>
      <c r="AO158" s="205"/>
      <c r="AP158" s="205"/>
      <c r="AQ158" s="205"/>
      <c r="AR158" s="205"/>
      <c r="AS158" s="205"/>
      <c r="AT158" s="205"/>
      <c r="AU158" s="205"/>
      <c r="AV158" s="205"/>
      <c r="AW158" s="205"/>
      <c r="AX158" s="205"/>
      <c r="AY158" s="205"/>
      <c r="AZ158" s="205"/>
    </row>
    <row r="268" spans="4:17" x14ac:dyDescent="0.55000000000000004">
      <c r="D268" s="6" t="s">
        <v>130</v>
      </c>
      <c r="O268" s="6" t="s">
        <v>130</v>
      </c>
      <c r="P268" s="6" t="s">
        <v>130</v>
      </c>
      <c r="Q268" s="6" t="s">
        <v>130</v>
      </c>
    </row>
    <row r="269" spans="4:17" x14ac:dyDescent="0.55000000000000004">
      <c r="D269" s="6" t="s">
        <v>145</v>
      </c>
      <c r="O269" s="6" t="s">
        <v>145</v>
      </c>
      <c r="P269" s="6" t="s">
        <v>145</v>
      </c>
      <c r="Q269" s="6" t="s">
        <v>145</v>
      </c>
    </row>
    <row r="270" spans="4:17" x14ac:dyDescent="0.55000000000000004">
      <c r="D270" s="6" t="s">
        <v>136</v>
      </c>
      <c r="O270" s="6" t="s">
        <v>136</v>
      </c>
      <c r="P270" s="6" t="s">
        <v>136</v>
      </c>
      <c r="Q270" s="6" t="s">
        <v>136</v>
      </c>
    </row>
    <row r="271" spans="4:17" x14ac:dyDescent="0.55000000000000004">
      <c r="D271" s="6" t="s">
        <v>142</v>
      </c>
      <c r="O271" s="6" t="s">
        <v>142</v>
      </c>
      <c r="P271" s="6" t="s">
        <v>142</v>
      </c>
      <c r="Q271" s="6" t="s">
        <v>142</v>
      </c>
    </row>
    <row r="272" spans="4:17" x14ac:dyDescent="0.55000000000000004">
      <c r="D272" s="6" t="s">
        <v>148</v>
      </c>
      <c r="O272" s="6" t="s">
        <v>148</v>
      </c>
      <c r="P272" s="6" t="s">
        <v>148</v>
      </c>
      <c r="Q272" s="6" t="s">
        <v>148</v>
      </c>
    </row>
    <row r="273" spans="4:17" x14ac:dyDescent="0.55000000000000004">
      <c r="D273" s="6" t="s">
        <v>153</v>
      </c>
      <c r="O273" s="6" t="s">
        <v>153</v>
      </c>
      <c r="P273" s="6" t="s">
        <v>153</v>
      </c>
      <c r="Q273" s="6" t="s">
        <v>153</v>
      </c>
    </row>
    <row r="274" spans="4:17" x14ac:dyDescent="0.55000000000000004">
      <c r="D274" s="6" t="s">
        <v>132</v>
      </c>
      <c r="O274" s="6" t="s">
        <v>132</v>
      </c>
      <c r="P274" s="6" t="s">
        <v>132</v>
      </c>
      <c r="Q274" s="6" t="s">
        <v>132</v>
      </c>
    </row>
    <row r="275" spans="4:17" x14ac:dyDescent="0.55000000000000004">
      <c r="D275" s="6" t="s">
        <v>147</v>
      </c>
      <c r="O275" s="6" t="s">
        <v>147</v>
      </c>
      <c r="P275" s="6" t="s">
        <v>147</v>
      </c>
      <c r="Q275" s="6" t="s">
        <v>147</v>
      </c>
    </row>
    <row r="276" spans="4:17" x14ac:dyDescent="0.55000000000000004">
      <c r="D276" s="6" t="s">
        <v>138</v>
      </c>
      <c r="O276" s="6" t="s">
        <v>138</v>
      </c>
      <c r="P276" s="6" t="s">
        <v>138</v>
      </c>
      <c r="Q276" s="6" t="s">
        <v>138</v>
      </c>
    </row>
    <row r="277" spans="4:17" x14ac:dyDescent="0.55000000000000004">
      <c r="D277" s="6" t="s">
        <v>143</v>
      </c>
      <c r="O277" s="6" t="s">
        <v>143</v>
      </c>
      <c r="P277" s="6" t="s">
        <v>143</v>
      </c>
      <c r="Q277" s="6" t="s">
        <v>143</v>
      </c>
    </row>
    <row r="278" spans="4:17" x14ac:dyDescent="0.55000000000000004">
      <c r="D278" s="6" t="s">
        <v>149</v>
      </c>
      <c r="O278" s="6" t="s">
        <v>149</v>
      </c>
      <c r="P278" s="6" t="s">
        <v>149</v>
      </c>
      <c r="Q278" s="6" t="s">
        <v>149</v>
      </c>
    </row>
    <row r="279" spans="4:17" x14ac:dyDescent="0.55000000000000004">
      <c r="D279" s="6" t="s">
        <v>154</v>
      </c>
      <c r="O279" s="6" t="s">
        <v>154</v>
      </c>
      <c r="P279" s="6" t="s">
        <v>154</v>
      </c>
      <c r="Q279" s="6" t="s">
        <v>154</v>
      </c>
    </row>
    <row r="280" spans="4:17" x14ac:dyDescent="0.55000000000000004">
      <c r="O280" s="6" t="s">
        <v>128</v>
      </c>
      <c r="P280" s="6" t="s">
        <v>128</v>
      </c>
      <c r="Q280" s="6" t="s">
        <v>128</v>
      </c>
    </row>
    <row r="281" spans="4:17" x14ac:dyDescent="0.55000000000000004">
      <c r="O281" s="6" t="s">
        <v>134</v>
      </c>
      <c r="P281" s="6" t="s">
        <v>134</v>
      </c>
      <c r="Q281" s="6" t="s">
        <v>134</v>
      </c>
    </row>
    <row r="282" spans="4:17" x14ac:dyDescent="0.55000000000000004">
      <c r="O282" s="6" t="s">
        <v>155</v>
      </c>
      <c r="P282" s="6" t="s">
        <v>155</v>
      </c>
      <c r="Q282" s="6" t="s">
        <v>155</v>
      </c>
    </row>
    <row r="283" spans="4:17" x14ac:dyDescent="0.55000000000000004">
      <c r="O283" s="6" t="s">
        <v>126</v>
      </c>
      <c r="P283" s="6" t="s">
        <v>126</v>
      </c>
      <c r="Q283" s="6" t="s">
        <v>126</v>
      </c>
    </row>
    <row r="284" spans="4:17" x14ac:dyDescent="0.55000000000000004">
      <c r="O284" s="6" t="s">
        <v>150</v>
      </c>
      <c r="P284" s="6" t="s">
        <v>150</v>
      </c>
      <c r="Q284" s="6" t="s">
        <v>150</v>
      </c>
    </row>
    <row r="285" spans="4:17" x14ac:dyDescent="0.55000000000000004">
      <c r="O285" s="6" t="s">
        <v>141</v>
      </c>
      <c r="P285" s="6" t="s">
        <v>141</v>
      </c>
      <c r="Q285" s="6" t="s">
        <v>141</v>
      </c>
    </row>
    <row r="286" spans="4:17" x14ac:dyDescent="0.55000000000000004">
      <c r="O286" s="6" t="s">
        <v>151</v>
      </c>
      <c r="P286" s="6" t="s">
        <v>151</v>
      </c>
    </row>
    <row r="287" spans="4:17" x14ac:dyDescent="0.55000000000000004">
      <c r="O287" s="6" t="s">
        <v>152</v>
      </c>
      <c r="P287" s="6" t="s">
        <v>152</v>
      </c>
    </row>
    <row r="288" spans="4:17" x14ac:dyDescent="0.55000000000000004">
      <c r="O288" s="6" t="s">
        <v>156</v>
      </c>
      <c r="P288" s="6" t="s">
        <v>156</v>
      </c>
    </row>
    <row r="289" spans="15:16" x14ac:dyDescent="0.55000000000000004">
      <c r="O289" s="6" t="s">
        <v>345</v>
      </c>
      <c r="P289" s="6" t="s">
        <v>345</v>
      </c>
    </row>
    <row r="290" spans="15:16" x14ac:dyDescent="0.55000000000000004">
      <c r="O290" s="6" t="s">
        <v>157</v>
      </c>
      <c r="P290" s="6" t="s">
        <v>157</v>
      </c>
    </row>
    <row r="291" spans="15:16" x14ac:dyDescent="0.55000000000000004">
      <c r="O291" s="6" t="s">
        <v>200</v>
      </c>
      <c r="P291" s="6" t="s">
        <v>200</v>
      </c>
    </row>
    <row r="292" spans="15:16" x14ac:dyDescent="0.55000000000000004">
      <c r="P292" s="6" t="s">
        <v>158</v>
      </c>
    </row>
    <row r="293" spans="15:16" x14ac:dyDescent="0.55000000000000004">
      <c r="P293" s="6" t="s">
        <v>346</v>
      </c>
    </row>
    <row r="294" spans="15:16" x14ac:dyDescent="0.55000000000000004">
      <c r="P294" s="6" t="s">
        <v>201</v>
      </c>
    </row>
  </sheetData>
  <sheetProtection sheet="1" objects="1" scenarios="1"/>
  <mergeCells count="477">
    <mergeCell ref="AP35:AQ35"/>
    <mergeCell ref="AD35:AE35"/>
    <mergeCell ref="AF35:AG35"/>
    <mergeCell ref="AH35:AI35"/>
    <mergeCell ref="AJ35:AK35"/>
    <mergeCell ref="AL35:AM35"/>
    <mergeCell ref="AN35:AO35"/>
    <mergeCell ref="R35:S35"/>
    <mergeCell ref="T35:U35"/>
    <mergeCell ref="V35:W35"/>
    <mergeCell ref="X35:Y35"/>
    <mergeCell ref="Z35:AA35"/>
    <mergeCell ref="AB35:AC35"/>
    <mergeCell ref="AF34:AG34"/>
    <mergeCell ref="AH34:AI34"/>
    <mergeCell ref="AJ34:AK34"/>
    <mergeCell ref="AL34:AM34"/>
    <mergeCell ref="P34:Q34"/>
    <mergeCell ref="R34:S34"/>
    <mergeCell ref="T34:U34"/>
    <mergeCell ref="V34:W34"/>
    <mergeCell ref="X34:Y34"/>
    <mergeCell ref="Z34:AA34"/>
    <mergeCell ref="B35:C35"/>
    <mergeCell ref="D35:E35"/>
    <mergeCell ref="F35:G35"/>
    <mergeCell ref="H35:I35"/>
    <mergeCell ref="J35:K35"/>
    <mergeCell ref="L35:M35"/>
    <mergeCell ref="N35:O35"/>
    <mergeCell ref="P35:Q35"/>
    <mergeCell ref="AB34:AC34"/>
    <mergeCell ref="AP32:AQ32"/>
    <mergeCell ref="B33:C33"/>
    <mergeCell ref="B34:C34"/>
    <mergeCell ref="D34:E34"/>
    <mergeCell ref="F34:G34"/>
    <mergeCell ref="H34:I34"/>
    <mergeCell ref="J34:K34"/>
    <mergeCell ref="L34:M34"/>
    <mergeCell ref="N34:O34"/>
    <mergeCell ref="AB32:AC32"/>
    <mergeCell ref="AD32:AE32"/>
    <mergeCell ref="AF32:AG32"/>
    <mergeCell ref="AH32:AI32"/>
    <mergeCell ref="AJ32:AK32"/>
    <mergeCell ref="AL32:AM32"/>
    <mergeCell ref="P32:Q32"/>
    <mergeCell ref="R32:S32"/>
    <mergeCell ref="T32:U32"/>
    <mergeCell ref="V32:W32"/>
    <mergeCell ref="X32:Y32"/>
    <mergeCell ref="Z32:AA32"/>
    <mergeCell ref="AN34:AO34"/>
    <mergeCell ref="AP34:AQ34"/>
    <mergeCell ref="AD34:AE34"/>
    <mergeCell ref="AP31:AQ31"/>
    <mergeCell ref="A32:A35"/>
    <mergeCell ref="B32:C32"/>
    <mergeCell ref="D32:E32"/>
    <mergeCell ref="F32:G32"/>
    <mergeCell ref="H32:I32"/>
    <mergeCell ref="J32:K32"/>
    <mergeCell ref="L32:M32"/>
    <mergeCell ref="N32:O32"/>
    <mergeCell ref="AB31:AC31"/>
    <mergeCell ref="AD31:AE31"/>
    <mergeCell ref="AF31:AG31"/>
    <mergeCell ref="AH31:AI31"/>
    <mergeCell ref="AJ31:AK31"/>
    <mergeCell ref="AL31:AM31"/>
    <mergeCell ref="P31:Q31"/>
    <mergeCell ref="R31:S31"/>
    <mergeCell ref="T31:U31"/>
    <mergeCell ref="V31:W31"/>
    <mergeCell ref="X31:Y31"/>
    <mergeCell ref="Z31:AA31"/>
    <mergeCell ref="D31:E31"/>
    <mergeCell ref="F31:G31"/>
    <mergeCell ref="AN32:AO32"/>
    <mergeCell ref="H31:I31"/>
    <mergeCell ref="J31:K31"/>
    <mergeCell ref="L31:M31"/>
    <mergeCell ref="N31:O31"/>
    <mergeCell ref="AF30:AG30"/>
    <mergeCell ref="AH30:AI30"/>
    <mergeCell ref="AJ30:AK30"/>
    <mergeCell ref="AL30:AM30"/>
    <mergeCell ref="AN30:AO30"/>
    <mergeCell ref="AN31:AO31"/>
    <mergeCell ref="AP30:AQ30"/>
    <mergeCell ref="T30:U30"/>
    <mergeCell ref="V30:W30"/>
    <mergeCell ref="X30:Y30"/>
    <mergeCell ref="Z30:AA30"/>
    <mergeCell ref="AB30:AC30"/>
    <mergeCell ref="AD30:AE30"/>
    <mergeCell ref="AN29:AO29"/>
    <mergeCell ref="AP29:AQ29"/>
    <mergeCell ref="AD29:AE29"/>
    <mergeCell ref="AF29:AG29"/>
    <mergeCell ref="AH29:AI29"/>
    <mergeCell ref="AJ29:AK29"/>
    <mergeCell ref="AL29:AM29"/>
    <mergeCell ref="D30:E30"/>
    <mergeCell ref="F30:G30"/>
    <mergeCell ref="H30:I30"/>
    <mergeCell ref="J30:K30"/>
    <mergeCell ref="L30:M30"/>
    <mergeCell ref="N30:O30"/>
    <mergeCell ref="P30:Q30"/>
    <mergeCell ref="R30:S30"/>
    <mergeCell ref="AB29:AC29"/>
    <mergeCell ref="P29:Q29"/>
    <mergeCell ref="R29:S29"/>
    <mergeCell ref="T29:U29"/>
    <mergeCell ref="V29:W29"/>
    <mergeCell ref="X29:Y29"/>
    <mergeCell ref="Z29:AA29"/>
    <mergeCell ref="D29:E29"/>
    <mergeCell ref="F29:G29"/>
    <mergeCell ref="H29:I29"/>
    <mergeCell ref="J29:K29"/>
    <mergeCell ref="L29:M29"/>
    <mergeCell ref="N29:O29"/>
    <mergeCell ref="AF28:AG28"/>
    <mergeCell ref="AH28:AI28"/>
    <mergeCell ref="AJ28:AK28"/>
    <mergeCell ref="AL28:AM28"/>
    <mergeCell ref="AN28:AO28"/>
    <mergeCell ref="AP28:AQ28"/>
    <mergeCell ref="T28:U28"/>
    <mergeCell ref="V28:W28"/>
    <mergeCell ref="X28:Y28"/>
    <mergeCell ref="Z28:AA28"/>
    <mergeCell ref="AB28:AC28"/>
    <mergeCell ref="AD28:AE28"/>
    <mergeCell ref="D28:E28"/>
    <mergeCell ref="F28:G28"/>
    <mergeCell ref="H28:I28"/>
    <mergeCell ref="J28:K28"/>
    <mergeCell ref="L28:M28"/>
    <mergeCell ref="N28:O28"/>
    <mergeCell ref="P28:Q28"/>
    <mergeCell ref="R28:S28"/>
    <mergeCell ref="AB27:AC27"/>
    <mergeCell ref="P27:Q27"/>
    <mergeCell ref="R27:S27"/>
    <mergeCell ref="T27:U27"/>
    <mergeCell ref="V27:W27"/>
    <mergeCell ref="X27:Y27"/>
    <mergeCell ref="Z27:AA27"/>
    <mergeCell ref="H27:I27"/>
    <mergeCell ref="J27:K27"/>
    <mergeCell ref="AH26:AI26"/>
    <mergeCell ref="L26:M26"/>
    <mergeCell ref="N26:O26"/>
    <mergeCell ref="P26:Q26"/>
    <mergeCell ref="R26:S26"/>
    <mergeCell ref="T26:U26"/>
    <mergeCell ref="V26:W26"/>
    <mergeCell ref="AN27:AO27"/>
    <mergeCell ref="AP27:AQ27"/>
    <mergeCell ref="AD27:AE27"/>
    <mergeCell ref="AF27:AG27"/>
    <mergeCell ref="AH27:AI27"/>
    <mergeCell ref="AJ27:AK27"/>
    <mergeCell ref="AL27:AM27"/>
    <mergeCell ref="L27:M27"/>
    <mergeCell ref="N27:O27"/>
    <mergeCell ref="X26:Y26"/>
    <mergeCell ref="Z26:AA26"/>
    <mergeCell ref="AB26:AC26"/>
    <mergeCell ref="AD26:AE26"/>
    <mergeCell ref="AF26:AG26"/>
    <mergeCell ref="AL25:AM25"/>
    <mergeCell ref="AN25:AO25"/>
    <mergeCell ref="AP25:AQ25"/>
    <mergeCell ref="B26:B31"/>
    <mergeCell ref="D26:E26"/>
    <mergeCell ref="F26:G26"/>
    <mergeCell ref="H26:I26"/>
    <mergeCell ref="J26:K26"/>
    <mergeCell ref="V25:W25"/>
    <mergeCell ref="X25:Y25"/>
    <mergeCell ref="Z25:AA25"/>
    <mergeCell ref="AB25:AC25"/>
    <mergeCell ref="AD25:AE25"/>
    <mergeCell ref="AF25:AG25"/>
    <mergeCell ref="B17:B25"/>
    <mergeCell ref="H17:I17"/>
    <mergeCell ref="J17:K17"/>
    <mergeCell ref="L17:M17"/>
    <mergeCell ref="AJ26:AK26"/>
    <mergeCell ref="AL26:AM26"/>
    <mergeCell ref="AN26:AO26"/>
    <mergeCell ref="AP26:AQ26"/>
    <mergeCell ref="D27:E27"/>
    <mergeCell ref="F27:G27"/>
    <mergeCell ref="AP24:AQ24"/>
    <mergeCell ref="D25:E25"/>
    <mergeCell ref="F25:G25"/>
    <mergeCell ref="H25:I25"/>
    <mergeCell ref="J25:K25"/>
    <mergeCell ref="L25:M25"/>
    <mergeCell ref="N25:O25"/>
    <mergeCell ref="P25:Q25"/>
    <mergeCell ref="R25:S25"/>
    <mergeCell ref="T25:U25"/>
    <mergeCell ref="AD24:AE24"/>
    <mergeCell ref="AF24:AG24"/>
    <mergeCell ref="AH24:AI24"/>
    <mergeCell ref="AJ24:AK24"/>
    <mergeCell ref="AL24:AM24"/>
    <mergeCell ref="AN24:AO24"/>
    <mergeCell ref="R24:S24"/>
    <mergeCell ref="T24:U24"/>
    <mergeCell ref="V24:W24"/>
    <mergeCell ref="X24:Y24"/>
    <mergeCell ref="Z24:AA24"/>
    <mergeCell ref="AB24:AC24"/>
    <mergeCell ref="AH25:AI25"/>
    <mergeCell ref="AJ25:AK25"/>
    <mergeCell ref="D24:E24"/>
    <mergeCell ref="F24:G24"/>
    <mergeCell ref="H24:I24"/>
    <mergeCell ref="J24:K24"/>
    <mergeCell ref="L24:M24"/>
    <mergeCell ref="N24:O24"/>
    <mergeCell ref="P24:Q24"/>
    <mergeCell ref="Z23:AA23"/>
    <mergeCell ref="AB23:AC23"/>
    <mergeCell ref="N23:O23"/>
    <mergeCell ref="P23:Q23"/>
    <mergeCell ref="R23:S23"/>
    <mergeCell ref="T23:U23"/>
    <mergeCell ref="V23:W23"/>
    <mergeCell ref="X23:Y23"/>
    <mergeCell ref="AL22:AM22"/>
    <mergeCell ref="AN22:AO22"/>
    <mergeCell ref="AP22:AQ22"/>
    <mergeCell ref="D23:E23"/>
    <mergeCell ref="F23:G23"/>
    <mergeCell ref="H23:I23"/>
    <mergeCell ref="J23:K23"/>
    <mergeCell ref="L23:M23"/>
    <mergeCell ref="V22:W22"/>
    <mergeCell ref="X22:Y22"/>
    <mergeCell ref="Z22:AA22"/>
    <mergeCell ref="AB22:AC22"/>
    <mergeCell ref="AD22:AE22"/>
    <mergeCell ref="AF22:AG22"/>
    <mergeCell ref="AL23:AM23"/>
    <mergeCell ref="AN23:AO23"/>
    <mergeCell ref="AP23:AQ23"/>
    <mergeCell ref="AD23:AE23"/>
    <mergeCell ref="AF23:AG23"/>
    <mergeCell ref="AH23:AI23"/>
    <mergeCell ref="AJ23:AK23"/>
    <mergeCell ref="AP21:AQ21"/>
    <mergeCell ref="D22:E22"/>
    <mergeCell ref="F22:G22"/>
    <mergeCell ref="H22:I22"/>
    <mergeCell ref="J22:K22"/>
    <mergeCell ref="L22:M22"/>
    <mergeCell ref="N22:O22"/>
    <mergeCell ref="P22:Q22"/>
    <mergeCell ref="R22:S22"/>
    <mergeCell ref="T22:U22"/>
    <mergeCell ref="AD21:AE21"/>
    <mergeCell ref="AF21:AG21"/>
    <mergeCell ref="AH21:AI21"/>
    <mergeCell ref="AJ21:AK21"/>
    <mergeCell ref="AL21:AM21"/>
    <mergeCell ref="AN21:AO21"/>
    <mergeCell ref="R21:S21"/>
    <mergeCell ref="T21:U21"/>
    <mergeCell ref="V21:W21"/>
    <mergeCell ref="X21:Y21"/>
    <mergeCell ref="Z21:AA21"/>
    <mergeCell ref="AB21:AC21"/>
    <mergeCell ref="AH22:AI22"/>
    <mergeCell ref="AJ22:AK22"/>
    <mergeCell ref="D21:E21"/>
    <mergeCell ref="F21:G21"/>
    <mergeCell ref="H21:I21"/>
    <mergeCell ref="J21:K21"/>
    <mergeCell ref="L21:M21"/>
    <mergeCell ref="N21:O21"/>
    <mergeCell ref="P21:Q21"/>
    <mergeCell ref="Z20:AA20"/>
    <mergeCell ref="AB20:AC20"/>
    <mergeCell ref="N20:O20"/>
    <mergeCell ref="P20:Q20"/>
    <mergeCell ref="R20:S20"/>
    <mergeCell ref="T20:U20"/>
    <mergeCell ref="V20:W20"/>
    <mergeCell ref="X20:Y20"/>
    <mergeCell ref="AL19:AM19"/>
    <mergeCell ref="AN19:AO19"/>
    <mergeCell ref="AP19:AQ19"/>
    <mergeCell ref="D20:E20"/>
    <mergeCell ref="F20:G20"/>
    <mergeCell ref="H20:I20"/>
    <mergeCell ref="J20:K20"/>
    <mergeCell ref="L20:M20"/>
    <mergeCell ref="V19:W19"/>
    <mergeCell ref="X19:Y19"/>
    <mergeCell ref="Z19:AA19"/>
    <mergeCell ref="AB19:AC19"/>
    <mergeCell ref="AD19:AE19"/>
    <mergeCell ref="AF19:AG19"/>
    <mergeCell ref="AL20:AM20"/>
    <mergeCell ref="AN20:AO20"/>
    <mergeCell ref="AP20:AQ20"/>
    <mergeCell ref="AD20:AE20"/>
    <mergeCell ref="AF20:AG20"/>
    <mergeCell ref="AH20:AI20"/>
    <mergeCell ref="AJ20:AK20"/>
    <mergeCell ref="AP18:AQ18"/>
    <mergeCell ref="D19:E19"/>
    <mergeCell ref="F19:G19"/>
    <mergeCell ref="H19:I19"/>
    <mergeCell ref="J19:K19"/>
    <mergeCell ref="L19:M19"/>
    <mergeCell ref="N19:O19"/>
    <mergeCell ref="P19:Q19"/>
    <mergeCell ref="R19:S19"/>
    <mergeCell ref="T19:U19"/>
    <mergeCell ref="AD18:AE18"/>
    <mergeCell ref="AF18:AG18"/>
    <mergeCell ref="AH18:AI18"/>
    <mergeCell ref="AJ18:AK18"/>
    <mergeCell ref="AL18:AM18"/>
    <mergeCell ref="AN18:AO18"/>
    <mergeCell ref="R18:S18"/>
    <mergeCell ref="T18:U18"/>
    <mergeCell ref="V18:W18"/>
    <mergeCell ref="X18:Y18"/>
    <mergeCell ref="Z18:AA18"/>
    <mergeCell ref="AB18:AC18"/>
    <mergeCell ref="AH19:AI19"/>
    <mergeCell ref="AJ19:AK19"/>
    <mergeCell ref="D18:E18"/>
    <mergeCell ref="F18:G18"/>
    <mergeCell ref="H18:I18"/>
    <mergeCell ref="J18:K18"/>
    <mergeCell ref="L18:M18"/>
    <mergeCell ref="N18:O18"/>
    <mergeCell ref="P18:Q18"/>
    <mergeCell ref="Z17:AA17"/>
    <mergeCell ref="AB17:AC17"/>
    <mergeCell ref="N17:O17"/>
    <mergeCell ref="P17:Q17"/>
    <mergeCell ref="R17:S17"/>
    <mergeCell ref="T17:U17"/>
    <mergeCell ref="V17:W17"/>
    <mergeCell ref="X17:Y17"/>
    <mergeCell ref="D17:E17"/>
    <mergeCell ref="F17:G17"/>
    <mergeCell ref="AP8:AQ8"/>
    <mergeCell ref="B9:B16"/>
    <mergeCell ref="V8:W8"/>
    <mergeCell ref="X8:Y8"/>
    <mergeCell ref="Z8:AA8"/>
    <mergeCell ref="AB8:AC8"/>
    <mergeCell ref="AD8:AE8"/>
    <mergeCell ref="AF8:AG8"/>
    <mergeCell ref="AL17:AM17"/>
    <mergeCell ref="AN17:AO17"/>
    <mergeCell ref="AP17:AQ17"/>
    <mergeCell ref="AD17:AE17"/>
    <mergeCell ref="AF17:AG17"/>
    <mergeCell ref="AH17:AI17"/>
    <mergeCell ref="AJ17:AK17"/>
    <mergeCell ref="R8:S8"/>
    <mergeCell ref="T8:U8"/>
    <mergeCell ref="AH8:AI8"/>
    <mergeCell ref="AJ8:AK8"/>
    <mergeCell ref="AL8:AM8"/>
    <mergeCell ref="AN8:AO8"/>
    <mergeCell ref="AJ7:AK7"/>
    <mergeCell ref="AL7:AM7"/>
    <mergeCell ref="AN7:AO7"/>
    <mergeCell ref="R7:S7"/>
    <mergeCell ref="T7:U7"/>
    <mergeCell ref="V7:W7"/>
    <mergeCell ref="X7:Y7"/>
    <mergeCell ref="Z7:AA7"/>
    <mergeCell ref="AB7:AC7"/>
    <mergeCell ref="AP6:AQ6"/>
    <mergeCell ref="D7:E7"/>
    <mergeCell ref="F7:G7"/>
    <mergeCell ref="H7:I7"/>
    <mergeCell ref="J7:K7"/>
    <mergeCell ref="L7:M7"/>
    <mergeCell ref="N7:O7"/>
    <mergeCell ref="P7:Q7"/>
    <mergeCell ref="Z6:AA6"/>
    <mergeCell ref="AB6:AC6"/>
    <mergeCell ref="AD6:AE6"/>
    <mergeCell ref="AF6:AG6"/>
    <mergeCell ref="AH6:AI6"/>
    <mergeCell ref="AJ6:AK6"/>
    <mergeCell ref="N6:O6"/>
    <mergeCell ref="P6:Q6"/>
    <mergeCell ref="R6:S6"/>
    <mergeCell ref="T6:U6"/>
    <mergeCell ref="V6:W6"/>
    <mergeCell ref="X6:Y6"/>
    <mergeCell ref="AP7:AQ7"/>
    <mergeCell ref="AD7:AE7"/>
    <mergeCell ref="AF7:AG7"/>
    <mergeCell ref="AH7:AI7"/>
    <mergeCell ref="AH5:AI5"/>
    <mergeCell ref="AJ5:AK5"/>
    <mergeCell ref="AL5:AM5"/>
    <mergeCell ref="AN5:AO5"/>
    <mergeCell ref="AP5:AQ5"/>
    <mergeCell ref="D6:E6"/>
    <mergeCell ref="F6:G6"/>
    <mergeCell ref="H6:I6"/>
    <mergeCell ref="J6:K6"/>
    <mergeCell ref="L6:M6"/>
    <mergeCell ref="V5:W5"/>
    <mergeCell ref="X5:Y5"/>
    <mergeCell ref="Z5:AA5"/>
    <mergeCell ref="AB5:AC5"/>
    <mergeCell ref="AD5:AE5"/>
    <mergeCell ref="AF5:AG5"/>
    <mergeCell ref="J5:K5"/>
    <mergeCell ref="L5:M5"/>
    <mergeCell ref="N5:O5"/>
    <mergeCell ref="P5:Q5"/>
    <mergeCell ref="R5:S5"/>
    <mergeCell ref="T5:U5"/>
    <mergeCell ref="AL6:AM6"/>
    <mergeCell ref="AN6:AO6"/>
    <mergeCell ref="A5:A31"/>
    <mergeCell ref="B5:B8"/>
    <mergeCell ref="D5:E5"/>
    <mergeCell ref="F5:G5"/>
    <mergeCell ref="H5:I5"/>
    <mergeCell ref="V4:W4"/>
    <mergeCell ref="X4:Y4"/>
    <mergeCell ref="Z4:AA4"/>
    <mergeCell ref="AB4:AC4"/>
    <mergeCell ref="J4:K4"/>
    <mergeCell ref="L4:M4"/>
    <mergeCell ref="N4:O4"/>
    <mergeCell ref="P4:Q4"/>
    <mergeCell ref="R4:S4"/>
    <mergeCell ref="T4:U4"/>
    <mergeCell ref="A1:C4"/>
    <mergeCell ref="D1:W1"/>
    <mergeCell ref="D8:E8"/>
    <mergeCell ref="F8:G8"/>
    <mergeCell ref="H8:I8"/>
    <mergeCell ref="J8:K8"/>
    <mergeCell ref="L8:M8"/>
    <mergeCell ref="N8:O8"/>
    <mergeCell ref="P8:Q8"/>
    <mergeCell ref="X1:AQ1"/>
    <mergeCell ref="D2:W2"/>
    <mergeCell ref="X2:AQ2"/>
    <mergeCell ref="D3:W3"/>
    <mergeCell ref="X3:AQ3"/>
    <mergeCell ref="D4:E4"/>
    <mergeCell ref="F4:G4"/>
    <mergeCell ref="H4:I4"/>
    <mergeCell ref="AH4:AI4"/>
    <mergeCell ref="AJ4:AK4"/>
    <mergeCell ref="AL4:AM4"/>
    <mergeCell ref="AN4:AO4"/>
    <mergeCell ref="AP4:AQ4"/>
    <mergeCell ref="AD4:AE4"/>
    <mergeCell ref="AF4:AG4"/>
  </mergeCells>
  <phoneticPr fontId="1"/>
  <dataValidations count="3">
    <dataValidation type="list" allowBlank="1" showInputMessage="1" showErrorMessage="1" sqref="D34:D35 V34:V35 F34:F35 H34:H35 J34:J35 L34:L35 N34:N35 P34:P35 R34:R35 T34:T35 X34:X35 Z34:Z35 AB34:AB35 AD34:AD35 AF34:AF35 AH34:AH35 AJ34:AJ35 AL34:AL35 AN34:AN35 AP34:AP35">
      <formula1>$P$268:$P$294</formula1>
    </dataValidation>
    <dataValidation type="list" allowBlank="1" showInputMessage="1" showErrorMessage="1" sqref="D33:AQ33">
      <formula1>$O$268:$O$291</formula1>
    </dataValidation>
    <dataValidation type="list" allowBlank="1" showInputMessage="1" showErrorMessage="1" sqref="D32 V32 F32 H32 J32 L32 N32 P32 R32 T32 X32 Z32 AB32 AD32 AF32 AH32 AJ32 AL32 AN32 AP32">
      <formula1>$D$268:$D$279</formula1>
    </dataValidation>
  </dataValidations>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91FDB"/>
  </sheetPr>
  <dimension ref="A1:AF295"/>
  <sheetViews>
    <sheetView zoomScale="80" zoomScaleNormal="80" workbookViewId="0">
      <selection activeCell="J13" sqref="J13"/>
    </sheetView>
  </sheetViews>
  <sheetFormatPr defaultColWidth="8.58203125" defaultRowHeight="18" x14ac:dyDescent="0.55000000000000004"/>
  <cols>
    <col min="1" max="1" width="5.33203125" style="6" customWidth="1"/>
    <col min="2" max="2" width="4.83203125" style="6" customWidth="1"/>
    <col min="3" max="3" width="73.9140625" style="6" customWidth="1"/>
    <col min="4" max="23" width="3.08203125" style="6" customWidth="1"/>
    <col min="24" max="16384" width="8.58203125" style="6"/>
  </cols>
  <sheetData>
    <row r="1" spans="1:23" x14ac:dyDescent="0.55000000000000004">
      <c r="A1" s="378" t="s">
        <v>355</v>
      </c>
      <c r="B1" s="379"/>
      <c r="C1" s="380"/>
      <c r="D1" s="407" t="s">
        <v>360</v>
      </c>
      <c r="E1" s="407"/>
      <c r="F1" s="407"/>
      <c r="G1" s="407"/>
      <c r="H1" s="407"/>
      <c r="I1" s="407"/>
      <c r="J1" s="407"/>
      <c r="K1" s="407"/>
      <c r="L1" s="407"/>
      <c r="M1" s="407"/>
      <c r="N1" s="407"/>
      <c r="O1" s="407"/>
      <c r="P1" s="407"/>
      <c r="Q1" s="407"/>
      <c r="R1" s="407"/>
      <c r="S1" s="407"/>
      <c r="T1" s="407"/>
      <c r="U1" s="407"/>
      <c r="V1" s="407"/>
      <c r="W1" s="408"/>
    </row>
    <row r="2" spans="1:23" x14ac:dyDescent="0.55000000000000004">
      <c r="A2" s="378"/>
      <c r="B2" s="379"/>
      <c r="C2" s="380"/>
      <c r="D2" s="375" t="str">
        <f>【手順１】!CG2</f>
        <v>①</v>
      </c>
      <c r="E2" s="375"/>
      <c r="F2" s="375"/>
      <c r="G2" s="375"/>
      <c r="H2" s="375"/>
      <c r="I2" s="375"/>
      <c r="J2" s="375"/>
      <c r="K2" s="375"/>
      <c r="L2" s="375"/>
      <c r="M2" s="375"/>
      <c r="N2" s="375"/>
      <c r="O2" s="375"/>
      <c r="P2" s="375"/>
      <c r="Q2" s="375"/>
      <c r="R2" s="375"/>
      <c r="S2" s="375"/>
      <c r="T2" s="375"/>
      <c r="U2" s="375"/>
      <c r="V2" s="375"/>
      <c r="W2" s="376"/>
    </row>
    <row r="3" spans="1:23" ht="20.149999999999999" customHeight="1" x14ac:dyDescent="0.55000000000000004">
      <c r="A3" s="379"/>
      <c r="B3" s="379"/>
      <c r="C3" s="380"/>
      <c r="D3" s="375" t="str">
        <f>【手順１】!CG3</f>
        <v>第３学年　時間</v>
      </c>
      <c r="E3" s="375"/>
      <c r="F3" s="375"/>
      <c r="G3" s="375"/>
      <c r="H3" s="375"/>
      <c r="I3" s="375"/>
      <c r="J3" s="375"/>
      <c r="K3" s="375"/>
      <c r="L3" s="375"/>
      <c r="M3" s="375"/>
      <c r="N3" s="375"/>
      <c r="O3" s="375"/>
      <c r="P3" s="375"/>
      <c r="Q3" s="375"/>
      <c r="R3" s="375"/>
      <c r="S3" s="375"/>
      <c r="T3" s="375"/>
      <c r="U3" s="375"/>
      <c r="V3" s="375"/>
      <c r="W3" s="376"/>
    </row>
    <row r="4" spans="1:23" ht="20.149999999999999" customHeight="1" x14ac:dyDescent="0.55000000000000004">
      <c r="A4" s="381"/>
      <c r="B4" s="381"/>
      <c r="C4" s="382"/>
      <c r="D4" s="370">
        <v>1</v>
      </c>
      <c r="E4" s="370"/>
      <c r="F4" s="402">
        <v>2</v>
      </c>
      <c r="G4" s="370"/>
      <c r="H4" s="402">
        <v>3</v>
      </c>
      <c r="I4" s="370"/>
      <c r="J4" s="402">
        <v>4</v>
      </c>
      <c r="K4" s="371"/>
      <c r="L4" s="370">
        <v>5</v>
      </c>
      <c r="M4" s="370"/>
      <c r="N4" s="402">
        <v>6</v>
      </c>
      <c r="O4" s="370"/>
      <c r="P4" s="402">
        <v>7</v>
      </c>
      <c r="Q4" s="370"/>
      <c r="R4" s="402">
        <v>8</v>
      </c>
      <c r="S4" s="371"/>
      <c r="T4" s="370">
        <v>9</v>
      </c>
      <c r="U4" s="370"/>
      <c r="V4" s="402">
        <v>10</v>
      </c>
      <c r="W4" s="403"/>
    </row>
    <row r="5" spans="1:23" ht="25" customHeight="1" x14ac:dyDescent="0.55000000000000004">
      <c r="A5" s="390" t="s">
        <v>310</v>
      </c>
      <c r="B5" s="390" t="s">
        <v>1</v>
      </c>
      <c r="C5" s="245" t="str">
        <f>【手順１】!D5</f>
        <v>①球技の各型の各種目において用いられる技術や戦術、作戦には名称があり、それらを身に付けるためのポイントがあること</v>
      </c>
      <c r="D5" s="356">
        <f>【手順１】!CG5</f>
        <v>0</v>
      </c>
      <c r="E5" s="354"/>
      <c r="F5" s="354">
        <f>【手順１】!CI5</f>
        <v>0</v>
      </c>
      <c r="G5" s="354"/>
      <c r="H5" s="354">
        <f>【手順１】!CK5</f>
        <v>0</v>
      </c>
      <c r="I5" s="354"/>
      <c r="J5" s="354">
        <f>【手順１】!CM5</f>
        <v>0</v>
      </c>
      <c r="K5" s="354"/>
      <c r="L5" s="354">
        <f>【手順１】!CO5</f>
        <v>0</v>
      </c>
      <c r="M5" s="354"/>
      <c r="N5" s="354">
        <f>【手順１】!CQ5</f>
        <v>0</v>
      </c>
      <c r="O5" s="354"/>
      <c r="P5" s="354">
        <f>【手順１】!CS5</f>
        <v>0</v>
      </c>
      <c r="Q5" s="354"/>
      <c r="R5" s="354">
        <f>【手順１】!CU5</f>
        <v>0</v>
      </c>
      <c r="S5" s="354"/>
      <c r="T5" s="354">
        <f>【手順１】!CW5</f>
        <v>0</v>
      </c>
      <c r="U5" s="354"/>
      <c r="V5" s="354">
        <f>【手順１】!CY5</f>
        <v>0</v>
      </c>
      <c r="W5" s="355"/>
    </row>
    <row r="6" spans="1:23" ht="9" customHeight="1" x14ac:dyDescent="0.55000000000000004">
      <c r="A6" s="391"/>
      <c r="B6" s="391"/>
      <c r="C6" s="246" t="str">
        <f>【手順１】!D6</f>
        <v>②戦術や作戦に応じて、技能をゲーム中に適切に発揮することが攻防のポイントであること</v>
      </c>
      <c r="D6" s="356">
        <f>【手順１】!CG6</f>
        <v>0</v>
      </c>
      <c r="E6" s="354"/>
      <c r="F6" s="354">
        <f>【手順１】!CI6</f>
        <v>0</v>
      </c>
      <c r="G6" s="354"/>
      <c r="H6" s="354">
        <f>【手順１】!CK6</f>
        <v>0</v>
      </c>
      <c r="I6" s="354"/>
      <c r="J6" s="354">
        <f>【手順１】!CM6</f>
        <v>0</v>
      </c>
      <c r="K6" s="354"/>
      <c r="L6" s="354">
        <f>【手順１】!CO6</f>
        <v>0</v>
      </c>
      <c r="M6" s="354"/>
      <c r="N6" s="354">
        <f>【手順１】!CQ6</f>
        <v>0</v>
      </c>
      <c r="O6" s="354"/>
      <c r="P6" s="354">
        <f>【手順１】!CS6</f>
        <v>0</v>
      </c>
      <c r="Q6" s="354"/>
      <c r="R6" s="354">
        <f>【手順１】!CU6</f>
        <v>0</v>
      </c>
      <c r="S6" s="354"/>
      <c r="T6" s="354">
        <f>【手順１】!CW6</f>
        <v>0</v>
      </c>
      <c r="U6" s="354"/>
      <c r="V6" s="354">
        <f>【手順１】!CY6</f>
        <v>0</v>
      </c>
      <c r="W6" s="355"/>
    </row>
    <row r="7" spans="1:23" ht="26" customHeight="1" x14ac:dyDescent="0.55000000000000004">
      <c r="A7" s="391"/>
      <c r="B7" s="391"/>
      <c r="C7" s="250" t="str">
        <f>【手順１】!D7</f>
        <v>③ゲームに必要な技術と関連させた補助運動や部分練習を繰り返したり、継続して行ったりすることで、結果として体力を高めることができること</v>
      </c>
      <c r="D7" s="356">
        <f>【手順１】!CG7</f>
        <v>0</v>
      </c>
      <c r="E7" s="354"/>
      <c r="F7" s="354">
        <f>【手順１】!CI7</f>
        <v>0</v>
      </c>
      <c r="G7" s="354"/>
      <c r="H7" s="354">
        <f>【手順１】!CK7</f>
        <v>0</v>
      </c>
      <c r="I7" s="354"/>
      <c r="J7" s="354">
        <f>【手順１】!CM7</f>
        <v>0</v>
      </c>
      <c r="K7" s="354"/>
      <c r="L7" s="354">
        <f>【手順１】!CO7</f>
        <v>0</v>
      </c>
      <c r="M7" s="354"/>
      <c r="N7" s="354">
        <f>【手順１】!CQ7</f>
        <v>0</v>
      </c>
      <c r="O7" s="354"/>
      <c r="P7" s="354">
        <f>【手順１】!CS7</f>
        <v>0</v>
      </c>
      <c r="Q7" s="354"/>
      <c r="R7" s="354">
        <f>【手順１】!CU7</f>
        <v>0</v>
      </c>
      <c r="S7" s="354"/>
      <c r="T7" s="354">
        <f>【手順１】!CW7</f>
        <v>0</v>
      </c>
      <c r="U7" s="354"/>
      <c r="V7" s="354">
        <f>【手順１】!CY7</f>
        <v>0</v>
      </c>
      <c r="W7" s="355"/>
    </row>
    <row r="8" spans="1:23" ht="9" customHeight="1" thickBot="1" x14ac:dyDescent="0.6">
      <c r="A8" s="391"/>
      <c r="B8" s="409"/>
      <c r="C8" s="257" t="str">
        <f>【手順１】!D8</f>
        <v>④練習やゲーム中の技能を観察したり分析したりするには、自己観察や他者観察などの方法があること</v>
      </c>
      <c r="D8" s="412">
        <f>【手順１】!CG8</f>
        <v>0</v>
      </c>
      <c r="E8" s="410"/>
      <c r="F8" s="410">
        <f>【手順１】!CI8</f>
        <v>0</v>
      </c>
      <c r="G8" s="410"/>
      <c r="H8" s="410">
        <f>【手順１】!CK8</f>
        <v>0</v>
      </c>
      <c r="I8" s="410"/>
      <c r="J8" s="410">
        <f>【手順１】!CM8</f>
        <v>0</v>
      </c>
      <c r="K8" s="410"/>
      <c r="L8" s="410">
        <f>【手順１】!CO8</f>
        <v>0</v>
      </c>
      <c r="M8" s="410"/>
      <c r="N8" s="410">
        <f>【手順１】!CQ8</f>
        <v>0</v>
      </c>
      <c r="O8" s="410"/>
      <c r="P8" s="410">
        <f>【手順１】!CS8</f>
        <v>0</v>
      </c>
      <c r="Q8" s="410"/>
      <c r="R8" s="410">
        <f>【手順１】!CU8</f>
        <v>0</v>
      </c>
      <c r="S8" s="410"/>
      <c r="T8" s="410">
        <f>【手順１】!CW8</f>
        <v>0</v>
      </c>
      <c r="U8" s="410"/>
      <c r="V8" s="410">
        <f>【手順１】!CY8</f>
        <v>0</v>
      </c>
      <c r="W8" s="411"/>
    </row>
    <row r="9" spans="1:23" ht="9" customHeight="1" thickTop="1" x14ac:dyDescent="0.55000000000000004">
      <c r="A9" s="391"/>
      <c r="B9" s="391" t="s">
        <v>0</v>
      </c>
      <c r="C9" s="256" t="str">
        <f>【手順１】!D25</f>
        <v>①身体の軸を安定させてバットを振りぬくこと</v>
      </c>
      <c r="D9" s="216">
        <f>【手順１】!CG25</f>
        <v>0</v>
      </c>
      <c r="E9" s="224">
        <f>【手順１】!CH25</f>
        <v>0</v>
      </c>
      <c r="F9" s="224">
        <f>【手順１】!CI25</f>
        <v>0</v>
      </c>
      <c r="G9" s="224">
        <f>【手順１】!CJ25</f>
        <v>0</v>
      </c>
      <c r="H9" s="224">
        <f>【手順１】!CK25</f>
        <v>0</v>
      </c>
      <c r="I9" s="224">
        <f>【手順１】!CL25</f>
        <v>0</v>
      </c>
      <c r="J9" s="224">
        <f>【手順１】!CM25</f>
        <v>0</v>
      </c>
      <c r="K9" s="224">
        <f>【手順１】!CN25</f>
        <v>0</v>
      </c>
      <c r="L9" s="224">
        <f>【手順１】!CO25</f>
        <v>0</v>
      </c>
      <c r="M9" s="224">
        <f>【手順１】!CP25</f>
        <v>0</v>
      </c>
      <c r="N9" s="224">
        <f>【手順１】!CQ25</f>
        <v>0</v>
      </c>
      <c r="O9" s="224">
        <f>【手順１】!CR25</f>
        <v>0</v>
      </c>
      <c r="P9" s="224">
        <f>【手順１】!CS25</f>
        <v>0</v>
      </c>
      <c r="Q9" s="224">
        <f>【手順１】!CT25</f>
        <v>0</v>
      </c>
      <c r="R9" s="224">
        <f>【手順１】!CU25</f>
        <v>0</v>
      </c>
      <c r="S9" s="224">
        <f>【手順１】!CV25</f>
        <v>0</v>
      </c>
      <c r="T9" s="224">
        <f>【手順１】!CW25</f>
        <v>0</v>
      </c>
      <c r="U9" s="224">
        <f>【手順１】!CX25</f>
        <v>0</v>
      </c>
      <c r="V9" s="224">
        <f>【手順１】!CY25</f>
        <v>0</v>
      </c>
      <c r="W9" s="225">
        <f>【手順１】!CZ25</f>
        <v>0</v>
      </c>
    </row>
    <row r="10" spans="1:23" ht="9" customHeight="1" x14ac:dyDescent="0.55000000000000004">
      <c r="A10" s="391"/>
      <c r="B10" s="391"/>
      <c r="C10" s="248" t="str">
        <f>【手順１】!D26</f>
        <v>②タイミングを合わせてボールを捉えること</v>
      </c>
      <c r="D10" s="219">
        <f>【手順１】!CG26</f>
        <v>0</v>
      </c>
      <c r="E10" s="217">
        <f>【手順１】!CH26</f>
        <v>0</v>
      </c>
      <c r="F10" s="217">
        <f>【手順１】!CI26</f>
        <v>0</v>
      </c>
      <c r="G10" s="217">
        <f>【手順１】!CJ26</f>
        <v>0</v>
      </c>
      <c r="H10" s="217">
        <f>【手順１】!CK26</f>
        <v>0</v>
      </c>
      <c r="I10" s="217">
        <f>【手順１】!CL26</f>
        <v>0</v>
      </c>
      <c r="J10" s="217">
        <f>【手順１】!CM26</f>
        <v>0</v>
      </c>
      <c r="K10" s="217">
        <f>【手順１】!CN26</f>
        <v>0</v>
      </c>
      <c r="L10" s="217">
        <f>【手順１】!CO26</f>
        <v>0</v>
      </c>
      <c r="M10" s="217">
        <f>【手順１】!CP26</f>
        <v>0</v>
      </c>
      <c r="N10" s="217">
        <f>【手順１】!CQ26</f>
        <v>0</v>
      </c>
      <c r="O10" s="217">
        <f>【手順１】!CR26</f>
        <v>0</v>
      </c>
      <c r="P10" s="217">
        <f>【手順１】!CS26</f>
        <v>0</v>
      </c>
      <c r="Q10" s="217">
        <f>【手順１】!CT26</f>
        <v>0</v>
      </c>
      <c r="R10" s="217">
        <f>【手順１】!CU26</f>
        <v>0</v>
      </c>
      <c r="S10" s="217">
        <f>【手順１】!CV26</f>
        <v>0</v>
      </c>
      <c r="T10" s="217">
        <f>【手順１】!CW26</f>
        <v>0</v>
      </c>
      <c r="U10" s="217">
        <f>【手順１】!CX26</f>
        <v>0</v>
      </c>
      <c r="V10" s="217">
        <f>【手順１】!CY26</f>
        <v>0</v>
      </c>
      <c r="W10" s="218">
        <f>【手順１】!CZ26</f>
        <v>0</v>
      </c>
    </row>
    <row r="11" spans="1:23" ht="9" customHeight="1" x14ac:dyDescent="0.55000000000000004">
      <c r="A11" s="391"/>
      <c r="B11" s="391"/>
      <c r="C11" s="246" t="str">
        <f>【手順１】!D27</f>
        <v>③ねらった方向にボールを打ち返すこと</v>
      </c>
      <c r="D11" s="219">
        <f>【手順１】!CG27</f>
        <v>0</v>
      </c>
      <c r="E11" s="217">
        <f>【手順１】!CH27</f>
        <v>0</v>
      </c>
      <c r="F11" s="217">
        <f>【手順１】!CI27</f>
        <v>0</v>
      </c>
      <c r="G11" s="217">
        <f>【手順１】!CJ27</f>
        <v>0</v>
      </c>
      <c r="H11" s="217">
        <f>【手順１】!CK27</f>
        <v>0</v>
      </c>
      <c r="I11" s="217">
        <f>【手順１】!CL27</f>
        <v>0</v>
      </c>
      <c r="J11" s="217">
        <f>【手順１】!CM27</f>
        <v>0</v>
      </c>
      <c r="K11" s="217">
        <f>【手順１】!CN27</f>
        <v>0</v>
      </c>
      <c r="L11" s="217">
        <f>【手順１】!CO27</f>
        <v>0</v>
      </c>
      <c r="M11" s="217">
        <f>【手順１】!CP27</f>
        <v>0</v>
      </c>
      <c r="N11" s="217">
        <f>【手順１】!CQ27</f>
        <v>0</v>
      </c>
      <c r="O11" s="217">
        <f>【手順１】!CR27</f>
        <v>0</v>
      </c>
      <c r="P11" s="217">
        <f>【手順１】!CS27</f>
        <v>0</v>
      </c>
      <c r="Q11" s="217">
        <f>【手順１】!CT27</f>
        <v>0</v>
      </c>
      <c r="R11" s="217">
        <f>【手順１】!CU27</f>
        <v>0</v>
      </c>
      <c r="S11" s="217">
        <f>【手順１】!CV27</f>
        <v>0</v>
      </c>
      <c r="T11" s="217">
        <f>【手順１】!CW27</f>
        <v>0</v>
      </c>
      <c r="U11" s="217">
        <f>【手順１】!CX27</f>
        <v>0</v>
      </c>
      <c r="V11" s="217">
        <f>【手順１】!CY27</f>
        <v>0</v>
      </c>
      <c r="W11" s="218">
        <f>【手順１】!CZ27</f>
        <v>0</v>
      </c>
    </row>
    <row r="12" spans="1:23" ht="9" customHeight="1" x14ac:dyDescent="0.55000000000000004">
      <c r="A12" s="391"/>
      <c r="B12" s="391"/>
      <c r="C12" s="250" t="str">
        <f>【手順１】!D28</f>
        <v>④スピードを落とさずに円を描くように塁間を走ること</v>
      </c>
      <c r="D12" s="219">
        <f>【手順１】!CG28</f>
        <v>0</v>
      </c>
      <c r="E12" s="217">
        <f>【手順１】!CH28</f>
        <v>0</v>
      </c>
      <c r="F12" s="217">
        <f>【手順１】!CI28</f>
        <v>0</v>
      </c>
      <c r="G12" s="217">
        <f>【手順１】!CJ28</f>
        <v>0</v>
      </c>
      <c r="H12" s="217">
        <f>【手順１】!CK28</f>
        <v>0</v>
      </c>
      <c r="I12" s="217">
        <f>【手順１】!CL28</f>
        <v>0</v>
      </c>
      <c r="J12" s="217">
        <f>【手順１】!CM28</f>
        <v>0</v>
      </c>
      <c r="K12" s="217">
        <f>【手順１】!CN28</f>
        <v>0</v>
      </c>
      <c r="L12" s="217">
        <f>【手順１】!CO28</f>
        <v>0</v>
      </c>
      <c r="M12" s="217">
        <f>【手順１】!CP28</f>
        <v>0</v>
      </c>
      <c r="N12" s="217">
        <f>【手順１】!CQ28</f>
        <v>0</v>
      </c>
      <c r="O12" s="217">
        <f>【手順１】!CR28</f>
        <v>0</v>
      </c>
      <c r="P12" s="217">
        <f>【手順１】!CS28</f>
        <v>0</v>
      </c>
      <c r="Q12" s="217">
        <f>【手順１】!CT28</f>
        <v>0</v>
      </c>
      <c r="R12" s="217">
        <f>【手順１】!CU28</f>
        <v>0</v>
      </c>
      <c r="S12" s="217">
        <f>【手順１】!CV28</f>
        <v>0</v>
      </c>
      <c r="T12" s="217">
        <f>【手順１】!CW28</f>
        <v>0</v>
      </c>
      <c r="U12" s="217">
        <f>【手順１】!CX28</f>
        <v>0</v>
      </c>
      <c r="V12" s="217">
        <f>【手順１】!CY28</f>
        <v>0</v>
      </c>
      <c r="W12" s="218">
        <f>【手順１】!CZ28</f>
        <v>0</v>
      </c>
    </row>
    <row r="13" spans="1:23" ht="9" customHeight="1" x14ac:dyDescent="0.55000000000000004">
      <c r="A13" s="391"/>
      <c r="B13" s="391"/>
      <c r="C13" s="250" t="str">
        <f>【手順１】!D29</f>
        <v>⑤打球や守備の状況に応じた塁の回り方で、塁を進んだり戻ったりすること</v>
      </c>
      <c r="D13" s="219">
        <f>【手順１】!CG29</f>
        <v>0</v>
      </c>
      <c r="E13" s="217">
        <f>【手順１】!CH29</f>
        <v>0</v>
      </c>
      <c r="F13" s="217">
        <f>【手順１】!CI29</f>
        <v>0</v>
      </c>
      <c r="G13" s="217">
        <f>【手順１】!CJ29</f>
        <v>0</v>
      </c>
      <c r="H13" s="217">
        <f>【手順１】!CK29</f>
        <v>0</v>
      </c>
      <c r="I13" s="217">
        <f>【手順１】!CL29</f>
        <v>0</v>
      </c>
      <c r="J13" s="217">
        <f>【手順１】!CM29</f>
        <v>0</v>
      </c>
      <c r="K13" s="217">
        <f>【手順１】!CN29</f>
        <v>0</v>
      </c>
      <c r="L13" s="217">
        <f>【手順１】!CO29</f>
        <v>0</v>
      </c>
      <c r="M13" s="217">
        <f>【手順１】!CP29</f>
        <v>0</v>
      </c>
      <c r="N13" s="217">
        <f>【手順１】!CQ29</f>
        <v>0</v>
      </c>
      <c r="O13" s="217">
        <f>【手順１】!CR29</f>
        <v>0</v>
      </c>
      <c r="P13" s="217">
        <f>【手順１】!CS29</f>
        <v>0</v>
      </c>
      <c r="Q13" s="217">
        <f>【手順１】!CT29</f>
        <v>0</v>
      </c>
      <c r="R13" s="217">
        <f>【手順１】!CU29</f>
        <v>0</v>
      </c>
      <c r="S13" s="217">
        <f>【手順１】!CV29</f>
        <v>0</v>
      </c>
      <c r="T13" s="217">
        <f>【手順１】!CW29</f>
        <v>0</v>
      </c>
      <c r="U13" s="217">
        <f>【手順１】!CX29</f>
        <v>0</v>
      </c>
      <c r="V13" s="217">
        <f>【手順１】!CY29</f>
        <v>0</v>
      </c>
      <c r="W13" s="218">
        <f>【手順１】!CZ29</f>
        <v>0</v>
      </c>
    </row>
    <row r="14" spans="1:23" ht="9" customHeight="1" x14ac:dyDescent="0.55000000000000004">
      <c r="A14" s="391"/>
      <c r="B14" s="391"/>
      <c r="C14" s="248" t="str">
        <f>【手順１】!D30</f>
        <v>⑥捕球場所へ最短距離で移動して、相手の打ったボールを捕ること</v>
      </c>
      <c r="D14" s="219">
        <f>【手順１】!CG30</f>
        <v>0</v>
      </c>
      <c r="E14" s="217">
        <f>【手順１】!CH30</f>
        <v>0</v>
      </c>
      <c r="F14" s="217">
        <f>【手順１】!CI30</f>
        <v>0</v>
      </c>
      <c r="G14" s="217">
        <f>【手順１】!CJ30</f>
        <v>0</v>
      </c>
      <c r="H14" s="217">
        <f>【手順１】!CK30</f>
        <v>0</v>
      </c>
      <c r="I14" s="217">
        <f>【手順１】!CL30</f>
        <v>0</v>
      </c>
      <c r="J14" s="217">
        <f>【手順１】!CM30</f>
        <v>0</v>
      </c>
      <c r="K14" s="217">
        <f>【手順１】!CN30</f>
        <v>0</v>
      </c>
      <c r="L14" s="217">
        <f>【手順１】!CO30</f>
        <v>0</v>
      </c>
      <c r="M14" s="217">
        <f>【手順１】!CP30</f>
        <v>0</v>
      </c>
      <c r="N14" s="217">
        <f>【手順１】!CQ30</f>
        <v>0</v>
      </c>
      <c r="O14" s="217">
        <f>【手順１】!CR30</f>
        <v>0</v>
      </c>
      <c r="P14" s="217">
        <f>【手順１】!CS30</f>
        <v>0</v>
      </c>
      <c r="Q14" s="217">
        <f>【手順１】!CT30</f>
        <v>0</v>
      </c>
      <c r="R14" s="217">
        <f>【手順１】!CU30</f>
        <v>0</v>
      </c>
      <c r="S14" s="217">
        <f>【手順１】!CV30</f>
        <v>0</v>
      </c>
      <c r="T14" s="217">
        <f>【手順１】!CW30</f>
        <v>0</v>
      </c>
      <c r="U14" s="217">
        <f>【手順１】!CX30</f>
        <v>0</v>
      </c>
      <c r="V14" s="217">
        <f>【手順１】!CY30</f>
        <v>0</v>
      </c>
      <c r="W14" s="218">
        <f>【手順１】!CZ30</f>
        <v>0</v>
      </c>
    </row>
    <row r="15" spans="1:23" ht="9" customHeight="1" x14ac:dyDescent="0.55000000000000004">
      <c r="A15" s="391"/>
      <c r="B15" s="391"/>
      <c r="C15" s="246" t="str">
        <f>【手順１】!D31</f>
        <v>⑦ねらった方向へステップを踏みながら、一連の動きでボールを投げること</v>
      </c>
      <c r="D15" s="219">
        <f>【手順１】!CG31</f>
        <v>0</v>
      </c>
      <c r="E15" s="217">
        <f>【手順１】!CH31</f>
        <v>0</v>
      </c>
      <c r="F15" s="217">
        <f>【手順１】!CI31</f>
        <v>0</v>
      </c>
      <c r="G15" s="217">
        <f>【手順１】!CJ31</f>
        <v>0</v>
      </c>
      <c r="H15" s="217">
        <f>【手順１】!CK31</f>
        <v>0</v>
      </c>
      <c r="I15" s="217">
        <f>【手順１】!CL31</f>
        <v>0</v>
      </c>
      <c r="J15" s="217">
        <f>【手順１】!CM31</f>
        <v>0</v>
      </c>
      <c r="K15" s="217">
        <f>【手順１】!CN31</f>
        <v>0</v>
      </c>
      <c r="L15" s="217">
        <f>【手順１】!CO31</f>
        <v>0</v>
      </c>
      <c r="M15" s="217">
        <f>【手順１】!CP31</f>
        <v>0</v>
      </c>
      <c r="N15" s="217">
        <f>【手順１】!CQ31</f>
        <v>0</v>
      </c>
      <c r="O15" s="217">
        <f>【手順１】!CR31</f>
        <v>0</v>
      </c>
      <c r="P15" s="217">
        <f>【手順１】!CS31</f>
        <v>0</v>
      </c>
      <c r="Q15" s="217">
        <f>【手順１】!CT31</f>
        <v>0</v>
      </c>
      <c r="R15" s="217">
        <f>【手順１】!CU31</f>
        <v>0</v>
      </c>
      <c r="S15" s="217">
        <f>【手順１】!CV31</f>
        <v>0</v>
      </c>
      <c r="T15" s="217">
        <f>【手順１】!CW31</f>
        <v>0</v>
      </c>
      <c r="U15" s="217">
        <f>【手順１】!CX31</f>
        <v>0</v>
      </c>
      <c r="V15" s="217">
        <f>【手順１】!CY31</f>
        <v>0</v>
      </c>
      <c r="W15" s="218">
        <f>【手順１】!CZ31</f>
        <v>0</v>
      </c>
    </row>
    <row r="16" spans="1:23" ht="9" customHeight="1" x14ac:dyDescent="0.55000000000000004">
      <c r="A16" s="391"/>
      <c r="B16" s="391"/>
      <c r="C16" s="250" t="str">
        <f>【手順１】!D32</f>
        <v>⑧仲間の送球に対して塁上でタイミングよくボールを受けたり、中継し
たりすること</v>
      </c>
      <c r="D16" s="219">
        <f>【手順１】!CG32</f>
        <v>0</v>
      </c>
      <c r="E16" s="217">
        <f>【手順１】!CH32</f>
        <v>0</v>
      </c>
      <c r="F16" s="217">
        <f>【手順１】!CI32</f>
        <v>0</v>
      </c>
      <c r="G16" s="217">
        <f>【手順１】!CJ32</f>
        <v>0</v>
      </c>
      <c r="H16" s="217">
        <f>【手順１】!CK32</f>
        <v>0</v>
      </c>
      <c r="I16" s="217">
        <f>【手順１】!CL32</f>
        <v>0</v>
      </c>
      <c r="J16" s="217">
        <f>【手順１】!CM32</f>
        <v>0</v>
      </c>
      <c r="K16" s="217">
        <f>【手順１】!CN32</f>
        <v>0</v>
      </c>
      <c r="L16" s="217">
        <f>【手順１】!CO32</f>
        <v>0</v>
      </c>
      <c r="M16" s="217">
        <f>【手順１】!CP32</f>
        <v>0</v>
      </c>
      <c r="N16" s="217">
        <f>【手順１】!CQ32</f>
        <v>0</v>
      </c>
      <c r="O16" s="217">
        <f>【手順１】!CR32</f>
        <v>0</v>
      </c>
      <c r="P16" s="217">
        <f>【手順１】!CS32</f>
        <v>0</v>
      </c>
      <c r="Q16" s="217">
        <f>【手順１】!CT32</f>
        <v>0</v>
      </c>
      <c r="R16" s="217">
        <f>【手順１】!CU32</f>
        <v>0</v>
      </c>
      <c r="S16" s="217">
        <f>【手順１】!CV32</f>
        <v>0</v>
      </c>
      <c r="T16" s="217">
        <f>【手順１】!CW32</f>
        <v>0</v>
      </c>
      <c r="U16" s="217">
        <f>【手順１】!CX32</f>
        <v>0</v>
      </c>
      <c r="V16" s="217">
        <f>【手順１】!CY32</f>
        <v>0</v>
      </c>
      <c r="W16" s="218">
        <f>【手順１】!CZ32</f>
        <v>0</v>
      </c>
    </row>
    <row r="17" spans="1:23" ht="9" customHeight="1" x14ac:dyDescent="0.55000000000000004">
      <c r="A17" s="391"/>
      <c r="B17" s="392"/>
      <c r="C17" s="248" t="str">
        <f>【手順１】!D33</f>
        <v>⑨味方からの送球を受けるために、走者の進む先の塁に動くこと</v>
      </c>
      <c r="D17" s="184">
        <f>【手順１】!CG33</f>
        <v>0</v>
      </c>
      <c r="E17" s="222">
        <f>【手順１】!CH33</f>
        <v>0</v>
      </c>
      <c r="F17" s="222">
        <f>【手順１】!CI33</f>
        <v>0</v>
      </c>
      <c r="G17" s="222">
        <f>【手順１】!CJ33</f>
        <v>0</v>
      </c>
      <c r="H17" s="222">
        <f>【手順１】!CK33</f>
        <v>0</v>
      </c>
      <c r="I17" s="222">
        <f>【手順１】!CL33</f>
        <v>0</v>
      </c>
      <c r="J17" s="222">
        <f>【手順１】!CM33</f>
        <v>0</v>
      </c>
      <c r="K17" s="222">
        <f>【手順１】!CN33</f>
        <v>0</v>
      </c>
      <c r="L17" s="222">
        <f>【手順１】!CO33</f>
        <v>0</v>
      </c>
      <c r="M17" s="222">
        <f>【手順１】!CP33</f>
        <v>0</v>
      </c>
      <c r="N17" s="222">
        <f>【手順１】!CQ33</f>
        <v>0</v>
      </c>
      <c r="O17" s="222">
        <f>【手順１】!CR33</f>
        <v>0</v>
      </c>
      <c r="P17" s="222">
        <f>【手順１】!CS33</f>
        <v>0</v>
      </c>
      <c r="Q17" s="222">
        <f>【手順１】!CT33</f>
        <v>0</v>
      </c>
      <c r="R17" s="222">
        <f>【手順１】!CU33</f>
        <v>0</v>
      </c>
      <c r="S17" s="222">
        <f>【手順１】!CV33</f>
        <v>0</v>
      </c>
      <c r="T17" s="222">
        <f>【手順１】!CW33</f>
        <v>0</v>
      </c>
      <c r="U17" s="222">
        <f>【手順１】!CX33</f>
        <v>0</v>
      </c>
      <c r="V17" s="222">
        <f>【手順１】!CY33</f>
        <v>0</v>
      </c>
      <c r="W17" s="223">
        <f>【手順１】!CZ33</f>
        <v>0</v>
      </c>
    </row>
    <row r="18" spans="1:23" ht="26" customHeight="1" x14ac:dyDescent="0.55000000000000004">
      <c r="A18" s="391"/>
      <c r="B18" s="390" t="s">
        <v>2</v>
      </c>
      <c r="C18" s="249" t="str">
        <f>【手順１】!D35</f>
        <v>①選択した運動について、合理的な動きと自己や仲間の動きを比較して、成果や改善すべきポイントとその理由を仲間に伝えること</v>
      </c>
      <c r="D18" s="359">
        <f>【手順１】!CG35</f>
        <v>0</v>
      </c>
      <c r="E18" s="357"/>
      <c r="F18" s="357">
        <f>【手順１】!CI35</f>
        <v>0</v>
      </c>
      <c r="G18" s="357"/>
      <c r="H18" s="357">
        <f>【手順１】!CK35</f>
        <v>0</v>
      </c>
      <c r="I18" s="357"/>
      <c r="J18" s="357">
        <f>【手順１】!CM35</f>
        <v>0</v>
      </c>
      <c r="K18" s="357"/>
      <c r="L18" s="357">
        <f>【手順１】!CO35</f>
        <v>0</v>
      </c>
      <c r="M18" s="357"/>
      <c r="N18" s="357">
        <f>【手順１】!CQ35</f>
        <v>0</v>
      </c>
      <c r="O18" s="357"/>
      <c r="P18" s="357">
        <f>【手順１】!CS35</f>
        <v>0</v>
      </c>
      <c r="Q18" s="357"/>
      <c r="R18" s="357">
        <f>【手順１】!CU35</f>
        <v>0</v>
      </c>
      <c r="S18" s="357"/>
      <c r="T18" s="357">
        <f>【手順１】!CW35</f>
        <v>0</v>
      </c>
      <c r="U18" s="357"/>
      <c r="V18" s="357">
        <f>【手順１】!CY35</f>
        <v>0</v>
      </c>
      <c r="W18" s="358"/>
    </row>
    <row r="19" spans="1:23" ht="25.5" customHeight="1" x14ac:dyDescent="0.55000000000000004">
      <c r="A19" s="391"/>
      <c r="B19" s="391"/>
      <c r="C19" s="250" t="str">
        <f>【手順１】!D36</f>
        <v>②自己や仲間の技術的な課題やチームの作戦・戦術についての課題や課題解決に有効な練習方法の選択について、自己の考えを伝えること</v>
      </c>
      <c r="D19" s="356">
        <f>【手順１】!CG36</f>
        <v>0</v>
      </c>
      <c r="E19" s="354"/>
      <c r="F19" s="354">
        <f>【手順１】!CI36</f>
        <v>0</v>
      </c>
      <c r="G19" s="354"/>
      <c r="H19" s="354">
        <f>【手順１】!CK36</f>
        <v>0</v>
      </c>
      <c r="I19" s="354"/>
      <c r="J19" s="354">
        <f>【手順１】!CM36</f>
        <v>0</v>
      </c>
      <c r="K19" s="354"/>
      <c r="L19" s="354">
        <f>【手順１】!CO36</f>
        <v>0</v>
      </c>
      <c r="M19" s="354"/>
      <c r="N19" s="354">
        <f>【手順１】!CQ36</f>
        <v>0</v>
      </c>
      <c r="O19" s="354"/>
      <c r="P19" s="354">
        <f>【手順１】!CS36</f>
        <v>0</v>
      </c>
      <c r="Q19" s="354"/>
      <c r="R19" s="354">
        <f>【手順１】!CU36</f>
        <v>0</v>
      </c>
      <c r="S19" s="354"/>
      <c r="T19" s="354">
        <f>【手順１】!CW36</f>
        <v>0</v>
      </c>
      <c r="U19" s="354"/>
      <c r="V19" s="354">
        <f>【手順１】!CY36</f>
        <v>0</v>
      </c>
      <c r="W19" s="355"/>
    </row>
    <row r="20" spans="1:23" ht="9" customHeight="1" x14ac:dyDescent="0.55000000000000004">
      <c r="A20" s="391"/>
      <c r="B20" s="391"/>
      <c r="C20" s="256" t="str">
        <f>【手順１】!D37</f>
        <v>③選択した運動に必要な準備運動や自己が取り組む補助運動を選ぶこと</v>
      </c>
      <c r="D20" s="356">
        <f>【手順１】!CG37</f>
        <v>0</v>
      </c>
      <c r="E20" s="354"/>
      <c r="F20" s="354">
        <f>【手順１】!CI37</f>
        <v>0</v>
      </c>
      <c r="G20" s="354"/>
      <c r="H20" s="354">
        <f>【手順１】!CK37</f>
        <v>0</v>
      </c>
      <c r="I20" s="354"/>
      <c r="J20" s="354">
        <f>【手順１】!CM37</f>
        <v>0</v>
      </c>
      <c r="K20" s="354"/>
      <c r="L20" s="354">
        <f>【手順１】!CO37</f>
        <v>0</v>
      </c>
      <c r="M20" s="354"/>
      <c r="N20" s="354">
        <f>【手順１】!CQ37</f>
        <v>0</v>
      </c>
      <c r="O20" s="354"/>
      <c r="P20" s="354">
        <f>【手順１】!CS37</f>
        <v>0</v>
      </c>
      <c r="Q20" s="354"/>
      <c r="R20" s="354">
        <f>【手順１】!CU37</f>
        <v>0</v>
      </c>
      <c r="S20" s="354"/>
      <c r="T20" s="354">
        <f>【手順１】!CW37</f>
        <v>0</v>
      </c>
      <c r="U20" s="354"/>
      <c r="V20" s="354">
        <f>【手順１】!CY37</f>
        <v>0</v>
      </c>
      <c r="W20" s="355"/>
    </row>
    <row r="21" spans="1:23" ht="9" customHeight="1" x14ac:dyDescent="0.55000000000000004">
      <c r="A21" s="391"/>
      <c r="B21" s="391"/>
      <c r="C21" s="256" t="str">
        <f>【手順１】!D38</f>
        <v>④健康や安全を確保するために、体調や環境に応じた適切な練習方法等について振り返ること</v>
      </c>
      <c r="D21" s="356">
        <f>【手順１】!CG38</f>
        <v>0</v>
      </c>
      <c r="E21" s="354"/>
      <c r="F21" s="354">
        <f>【手順１】!CI38</f>
        <v>0</v>
      </c>
      <c r="G21" s="354"/>
      <c r="H21" s="354">
        <f>【手順１】!CK38</f>
        <v>0</v>
      </c>
      <c r="I21" s="354"/>
      <c r="J21" s="354">
        <f>【手順１】!CM38</f>
        <v>0</v>
      </c>
      <c r="K21" s="354"/>
      <c r="L21" s="354">
        <f>【手順１】!CO38</f>
        <v>0</v>
      </c>
      <c r="M21" s="354"/>
      <c r="N21" s="354">
        <f>【手順１】!CQ38</f>
        <v>0</v>
      </c>
      <c r="O21" s="354"/>
      <c r="P21" s="354">
        <f>【手順１】!CS38</f>
        <v>0</v>
      </c>
      <c r="Q21" s="354"/>
      <c r="R21" s="354">
        <f>【手順１】!CU38</f>
        <v>0</v>
      </c>
      <c r="S21" s="354"/>
      <c r="T21" s="354">
        <f>【手順１】!CW38</f>
        <v>0</v>
      </c>
      <c r="U21" s="354"/>
      <c r="V21" s="354">
        <f>【手順１】!CY38</f>
        <v>0</v>
      </c>
      <c r="W21" s="355"/>
    </row>
    <row r="22" spans="1:23" ht="24.5" customHeight="1" x14ac:dyDescent="0.55000000000000004">
      <c r="A22" s="391"/>
      <c r="B22" s="391"/>
      <c r="C22" s="248" t="str">
        <f>【手順１】!D39</f>
        <v>⑤ルールを守り競争したり勝敗を受け入れたりする場面で、よりよいマナーや行為について、自己の活動を振り返ること</v>
      </c>
      <c r="D22" s="356">
        <f>【手順１】!CG39</f>
        <v>0</v>
      </c>
      <c r="E22" s="354"/>
      <c r="F22" s="354">
        <f>【手順１】!CI39</f>
        <v>0</v>
      </c>
      <c r="G22" s="354"/>
      <c r="H22" s="354">
        <f>【手順１】!CK39</f>
        <v>0</v>
      </c>
      <c r="I22" s="354"/>
      <c r="J22" s="354">
        <f>【手順１】!CM39</f>
        <v>0</v>
      </c>
      <c r="K22" s="354"/>
      <c r="L22" s="354">
        <f>【手順１】!CO39</f>
        <v>0</v>
      </c>
      <c r="M22" s="354"/>
      <c r="N22" s="354">
        <f>【手順１】!CQ39</f>
        <v>0</v>
      </c>
      <c r="O22" s="354"/>
      <c r="P22" s="354">
        <f>【手順１】!CS39</f>
        <v>0</v>
      </c>
      <c r="Q22" s="354"/>
      <c r="R22" s="354">
        <f>【手順１】!CU39</f>
        <v>0</v>
      </c>
      <c r="S22" s="354"/>
      <c r="T22" s="354">
        <f>【手順１】!CW39</f>
        <v>0</v>
      </c>
      <c r="U22" s="354"/>
      <c r="V22" s="354">
        <f>【手順１】!CY39</f>
        <v>0</v>
      </c>
      <c r="W22" s="355"/>
    </row>
    <row r="23" spans="1:23" ht="9" customHeight="1" x14ac:dyDescent="0.55000000000000004">
      <c r="A23" s="391"/>
      <c r="B23" s="391"/>
      <c r="C23" s="246" t="str">
        <f>【手順１】!D40</f>
        <v>⑥チームで分担した役割に関する成果や改善すべきポイントについて、自己の活動を振り返ること</v>
      </c>
      <c r="D23" s="356">
        <f>【手順１】!CG40</f>
        <v>0</v>
      </c>
      <c r="E23" s="354"/>
      <c r="F23" s="354">
        <f>【手順１】!CI40</f>
        <v>0</v>
      </c>
      <c r="G23" s="354"/>
      <c r="H23" s="354">
        <f>【手順１】!CK40</f>
        <v>0</v>
      </c>
      <c r="I23" s="354"/>
      <c r="J23" s="354">
        <f>【手順１】!CM40</f>
        <v>0</v>
      </c>
      <c r="K23" s="354"/>
      <c r="L23" s="354">
        <f>【手順１】!CO40</f>
        <v>0</v>
      </c>
      <c r="M23" s="354"/>
      <c r="N23" s="354">
        <f>【手順１】!CQ40</f>
        <v>0</v>
      </c>
      <c r="O23" s="354"/>
      <c r="P23" s="354">
        <f>【手順１】!CS40</f>
        <v>0</v>
      </c>
      <c r="Q23" s="354"/>
      <c r="R23" s="354">
        <f>【手順１】!CU40</f>
        <v>0</v>
      </c>
      <c r="S23" s="354"/>
      <c r="T23" s="354">
        <f>【手順１】!CW40</f>
        <v>0</v>
      </c>
      <c r="U23" s="354"/>
      <c r="V23" s="354">
        <f>【手順１】!CY40</f>
        <v>0</v>
      </c>
      <c r="W23" s="355"/>
    </row>
    <row r="24" spans="1:23" ht="9" customHeight="1" x14ac:dyDescent="0.55000000000000004">
      <c r="A24" s="391"/>
      <c r="B24" s="391"/>
      <c r="C24" s="246" t="str">
        <f>【手順１】!D41</f>
        <v>⑦作戦などの話合いの場面で、合意形成するための関わり方を見付け、仲間に伝えること</v>
      </c>
      <c r="D24" s="356">
        <f>【手順１】!CG41</f>
        <v>0</v>
      </c>
      <c r="E24" s="354"/>
      <c r="F24" s="354">
        <f>【手順１】!CI41</f>
        <v>0</v>
      </c>
      <c r="G24" s="354"/>
      <c r="H24" s="354">
        <f>【手順１】!CK41</f>
        <v>0</v>
      </c>
      <c r="I24" s="354"/>
      <c r="J24" s="354">
        <f>【手順１】!CM41</f>
        <v>0</v>
      </c>
      <c r="K24" s="354"/>
      <c r="L24" s="354">
        <f>【手順１】!CO41</f>
        <v>0</v>
      </c>
      <c r="M24" s="354"/>
      <c r="N24" s="354">
        <f>【手順１】!CQ41</f>
        <v>0</v>
      </c>
      <c r="O24" s="354"/>
      <c r="P24" s="354">
        <f>【手順１】!CS41</f>
        <v>0</v>
      </c>
      <c r="Q24" s="354"/>
      <c r="R24" s="354">
        <f>【手順１】!CU41</f>
        <v>0</v>
      </c>
      <c r="S24" s="354"/>
      <c r="T24" s="354">
        <f>【手順１】!CW41</f>
        <v>0</v>
      </c>
      <c r="U24" s="354"/>
      <c r="V24" s="354">
        <f>【手順１】!CY41</f>
        <v>0</v>
      </c>
      <c r="W24" s="355"/>
    </row>
    <row r="25" spans="1:23" ht="24.5" customHeight="1" x14ac:dyDescent="0.55000000000000004">
      <c r="A25" s="391"/>
      <c r="B25" s="391"/>
      <c r="C25" s="246" t="str">
        <f>【手順１】!D42</f>
        <v>⑧体力や技能の程度、性別等の違いに配慮して、仲間とともに球技を楽しむための活動の方法や修正の仕方を見付けること</v>
      </c>
      <c r="D25" s="356">
        <f>【手順１】!CG42</f>
        <v>0</v>
      </c>
      <c r="E25" s="354"/>
      <c r="F25" s="354">
        <f>【手順１】!CI42</f>
        <v>0</v>
      </c>
      <c r="G25" s="354"/>
      <c r="H25" s="354">
        <f>【手順１】!CK42</f>
        <v>0</v>
      </c>
      <c r="I25" s="354"/>
      <c r="J25" s="354">
        <f>【手順１】!CM42</f>
        <v>0</v>
      </c>
      <c r="K25" s="354"/>
      <c r="L25" s="354">
        <f>【手順１】!CO42</f>
        <v>0</v>
      </c>
      <c r="M25" s="354"/>
      <c r="N25" s="354">
        <f>【手順１】!CQ42</f>
        <v>0</v>
      </c>
      <c r="O25" s="354"/>
      <c r="P25" s="354">
        <f>【手順１】!CS42</f>
        <v>0</v>
      </c>
      <c r="Q25" s="354"/>
      <c r="R25" s="354">
        <f>【手順１】!CU42</f>
        <v>0</v>
      </c>
      <c r="S25" s="354"/>
      <c r="T25" s="354">
        <f>【手順１】!CW42</f>
        <v>0</v>
      </c>
      <c r="U25" s="354"/>
      <c r="V25" s="354">
        <f>【手順１】!CY42</f>
        <v>0</v>
      </c>
      <c r="W25" s="355"/>
    </row>
    <row r="26" spans="1:23" ht="26" customHeight="1" x14ac:dyDescent="0.55000000000000004">
      <c r="A26" s="391"/>
      <c r="B26" s="392"/>
      <c r="C26" s="247" t="str">
        <f>【手順１】!D43</f>
        <v>⑨球技の学習成果を踏まえて、自己に適した「する、みる、支える、知る」などの運動を継続して楽しむための関わり方を見付けること</v>
      </c>
      <c r="D26" s="373">
        <f>【手順１】!CG43</f>
        <v>0</v>
      </c>
      <c r="E26" s="360"/>
      <c r="F26" s="360">
        <f>【手順１】!CI43</f>
        <v>0</v>
      </c>
      <c r="G26" s="360"/>
      <c r="H26" s="360">
        <f>【手順１】!CK43</f>
        <v>0</v>
      </c>
      <c r="I26" s="360"/>
      <c r="J26" s="360">
        <f>【手順１】!CM43</f>
        <v>0</v>
      </c>
      <c r="K26" s="360"/>
      <c r="L26" s="360">
        <f>【手順１】!CO43</f>
        <v>0</v>
      </c>
      <c r="M26" s="360"/>
      <c r="N26" s="360">
        <f>【手順１】!CQ43</f>
        <v>0</v>
      </c>
      <c r="O26" s="360"/>
      <c r="P26" s="360">
        <f>【手順１】!CS43</f>
        <v>0</v>
      </c>
      <c r="Q26" s="360"/>
      <c r="R26" s="360">
        <f>【手順１】!CU43</f>
        <v>0</v>
      </c>
      <c r="S26" s="360"/>
      <c r="T26" s="360">
        <f>【手順１】!CW43</f>
        <v>0</v>
      </c>
      <c r="U26" s="360"/>
      <c r="V26" s="360">
        <f>【手順１】!CY43</f>
        <v>0</v>
      </c>
      <c r="W26" s="361"/>
    </row>
    <row r="27" spans="1:23" ht="9" customHeight="1" x14ac:dyDescent="0.55000000000000004">
      <c r="A27" s="391"/>
      <c r="B27" s="394" t="s">
        <v>337</v>
      </c>
      <c r="C27" s="249" t="str">
        <f>【手順１】!D44</f>
        <v>①球技の学習に自主的に取り組もうとすること</v>
      </c>
      <c r="D27" s="359">
        <f>【手順１】!CG44</f>
        <v>0</v>
      </c>
      <c r="E27" s="357"/>
      <c r="F27" s="357">
        <f>【手順１】!CI44</f>
        <v>0</v>
      </c>
      <c r="G27" s="357"/>
      <c r="H27" s="357">
        <f>【手順１】!CK44</f>
        <v>0</v>
      </c>
      <c r="I27" s="357"/>
      <c r="J27" s="357">
        <f>【手順１】!CM44</f>
        <v>0</v>
      </c>
      <c r="K27" s="357"/>
      <c r="L27" s="357">
        <f>【手順１】!CO44</f>
        <v>0</v>
      </c>
      <c r="M27" s="357"/>
      <c r="N27" s="357">
        <f>【手順１】!CQ44</f>
        <v>0</v>
      </c>
      <c r="O27" s="357"/>
      <c r="P27" s="357">
        <f>【手順１】!CS44</f>
        <v>0</v>
      </c>
      <c r="Q27" s="357"/>
      <c r="R27" s="357">
        <f>【手順１】!CU44</f>
        <v>0</v>
      </c>
      <c r="S27" s="357"/>
      <c r="T27" s="357">
        <f>【手順１】!CW44</f>
        <v>0</v>
      </c>
      <c r="U27" s="357"/>
      <c r="V27" s="357">
        <f>【手順１】!CY44</f>
        <v>0</v>
      </c>
      <c r="W27" s="358"/>
    </row>
    <row r="28" spans="1:23" ht="9" customHeight="1" x14ac:dyDescent="0.55000000000000004">
      <c r="A28" s="391"/>
      <c r="B28" s="395"/>
      <c r="C28" s="256" t="str">
        <f>【手順１】!D45</f>
        <v>②相手を尊重するなどのフェアなプレイを大切にしようとすること</v>
      </c>
      <c r="D28" s="356">
        <f>【手順１】!CG45</f>
        <v>0</v>
      </c>
      <c r="E28" s="354"/>
      <c r="F28" s="354">
        <f>【手順１】!CI45</f>
        <v>0</v>
      </c>
      <c r="G28" s="354"/>
      <c r="H28" s="354">
        <f>【手順１】!CK45</f>
        <v>0</v>
      </c>
      <c r="I28" s="354"/>
      <c r="J28" s="354">
        <f>【手順１】!CM45</f>
        <v>0</v>
      </c>
      <c r="K28" s="354"/>
      <c r="L28" s="354">
        <f>【手順１】!CO45</f>
        <v>0</v>
      </c>
      <c r="M28" s="354"/>
      <c r="N28" s="354">
        <f>【手順１】!CQ45</f>
        <v>0</v>
      </c>
      <c r="O28" s="354"/>
      <c r="P28" s="354">
        <f>【手順１】!CS45</f>
        <v>0</v>
      </c>
      <c r="Q28" s="354"/>
      <c r="R28" s="354">
        <f>【手順１】!CU45</f>
        <v>0</v>
      </c>
      <c r="S28" s="354"/>
      <c r="T28" s="354">
        <f>【手順１】!CW45</f>
        <v>0</v>
      </c>
      <c r="U28" s="354"/>
      <c r="V28" s="354">
        <f>【手順１】!CY45</f>
        <v>0</v>
      </c>
      <c r="W28" s="355"/>
    </row>
    <row r="29" spans="1:23" ht="9" customHeight="1" x14ac:dyDescent="0.55000000000000004">
      <c r="A29" s="391"/>
      <c r="B29" s="395"/>
      <c r="C29" s="248" t="str">
        <f>【手順１】!D46</f>
        <v>③作戦などについての話合いに貢献しようとすること</v>
      </c>
      <c r="D29" s="356">
        <f>【手順１】!CG46</f>
        <v>0</v>
      </c>
      <c r="E29" s="354"/>
      <c r="F29" s="354">
        <f>【手順１】!CI46</f>
        <v>0</v>
      </c>
      <c r="G29" s="354"/>
      <c r="H29" s="354">
        <f>【手順１】!CK46</f>
        <v>0</v>
      </c>
      <c r="I29" s="354"/>
      <c r="J29" s="354">
        <f>【手順１】!CM46</f>
        <v>0</v>
      </c>
      <c r="K29" s="354"/>
      <c r="L29" s="354">
        <f>【手順１】!CO46</f>
        <v>0</v>
      </c>
      <c r="M29" s="354"/>
      <c r="N29" s="354">
        <f>【手順１】!CQ46</f>
        <v>0</v>
      </c>
      <c r="O29" s="354"/>
      <c r="P29" s="354">
        <f>【手順１】!CS46</f>
        <v>0</v>
      </c>
      <c r="Q29" s="354"/>
      <c r="R29" s="354">
        <f>【手順１】!CU46</f>
        <v>0</v>
      </c>
      <c r="S29" s="354"/>
      <c r="T29" s="354">
        <f>【手順１】!CW46</f>
        <v>0</v>
      </c>
      <c r="U29" s="354"/>
      <c r="V29" s="354">
        <f>【手順１】!CY46</f>
        <v>0</v>
      </c>
      <c r="W29" s="355"/>
    </row>
    <row r="30" spans="1:23" ht="9" customHeight="1" x14ac:dyDescent="0.55000000000000004">
      <c r="A30" s="391"/>
      <c r="B30" s="395"/>
      <c r="C30" s="250" t="str">
        <f>【手順１】!D47</f>
        <v>④一人一人の違いに応じた課題や挑戦及び修正などを大切にしようとすること</v>
      </c>
      <c r="D30" s="356">
        <f>【手順１】!CG47</f>
        <v>0</v>
      </c>
      <c r="E30" s="354"/>
      <c r="F30" s="354">
        <f>【手順１】!CI47</f>
        <v>0</v>
      </c>
      <c r="G30" s="354"/>
      <c r="H30" s="354">
        <f>【手順１】!CK47</f>
        <v>0</v>
      </c>
      <c r="I30" s="354"/>
      <c r="J30" s="354">
        <f>【手順１】!CM47</f>
        <v>0</v>
      </c>
      <c r="K30" s="354"/>
      <c r="L30" s="354">
        <f>【手順１】!CO47</f>
        <v>0</v>
      </c>
      <c r="M30" s="354"/>
      <c r="N30" s="354">
        <f>【手順１】!CQ47</f>
        <v>0</v>
      </c>
      <c r="O30" s="354"/>
      <c r="P30" s="354">
        <f>【手順１】!CS47</f>
        <v>0</v>
      </c>
      <c r="Q30" s="354"/>
      <c r="R30" s="354">
        <f>【手順１】!CU47</f>
        <v>0</v>
      </c>
      <c r="S30" s="354"/>
      <c r="T30" s="354">
        <f>【手順１】!CW47</f>
        <v>0</v>
      </c>
      <c r="U30" s="354"/>
      <c r="V30" s="354">
        <f>【手順１】!CY47</f>
        <v>0</v>
      </c>
      <c r="W30" s="355"/>
    </row>
    <row r="31" spans="1:23" ht="9" customHeight="1" x14ac:dyDescent="0.55000000000000004">
      <c r="A31" s="391"/>
      <c r="B31" s="395"/>
      <c r="C31" s="248" t="str">
        <f>【手順１】!D48</f>
        <v>⑤互いに練習相手になったり仲間に助言したりして、互いに助け合い教え合おうとすること</v>
      </c>
      <c r="D31" s="356">
        <f>【手順１】!CG48</f>
        <v>0</v>
      </c>
      <c r="E31" s="354"/>
      <c r="F31" s="354">
        <f>【手順１】!CI48</f>
        <v>0</v>
      </c>
      <c r="G31" s="354"/>
      <c r="H31" s="354">
        <f>【手順１】!CK48</f>
        <v>0</v>
      </c>
      <c r="I31" s="354"/>
      <c r="J31" s="354">
        <f>【手順１】!CM48</f>
        <v>0</v>
      </c>
      <c r="K31" s="354"/>
      <c r="L31" s="354">
        <f>【手順１】!CO48</f>
        <v>0</v>
      </c>
      <c r="M31" s="354"/>
      <c r="N31" s="354">
        <f>【手順１】!CQ48</f>
        <v>0</v>
      </c>
      <c r="O31" s="354"/>
      <c r="P31" s="354">
        <f>【手順１】!CS48</f>
        <v>0</v>
      </c>
      <c r="Q31" s="354"/>
      <c r="R31" s="354">
        <f>【手順１】!CU48</f>
        <v>0</v>
      </c>
      <c r="S31" s="354"/>
      <c r="T31" s="354">
        <f>【手順１】!CW48</f>
        <v>0</v>
      </c>
      <c r="U31" s="354"/>
      <c r="V31" s="354">
        <f>【手順１】!CY48</f>
        <v>0</v>
      </c>
      <c r="W31" s="355"/>
    </row>
    <row r="32" spans="1:23" ht="9" customHeight="1" thickBot="1" x14ac:dyDescent="0.6">
      <c r="A32" s="392"/>
      <c r="B32" s="396"/>
      <c r="C32" s="247" t="str">
        <f>【手順１】!D49</f>
        <v>⑥健康・安全を確保すること</v>
      </c>
      <c r="D32" s="353">
        <f>【手順１】!CG49</f>
        <v>0</v>
      </c>
      <c r="E32" s="351"/>
      <c r="F32" s="351">
        <f>【手順１】!CI49</f>
        <v>0</v>
      </c>
      <c r="G32" s="351"/>
      <c r="H32" s="351">
        <f>【手順１】!CK49</f>
        <v>0</v>
      </c>
      <c r="I32" s="351"/>
      <c r="J32" s="351">
        <f>【手順１】!CM49</f>
        <v>0</v>
      </c>
      <c r="K32" s="351"/>
      <c r="L32" s="351">
        <f>【手順１】!CO49</f>
        <v>0</v>
      </c>
      <c r="M32" s="351"/>
      <c r="N32" s="351">
        <f>【手順１】!CQ49</f>
        <v>0</v>
      </c>
      <c r="O32" s="351"/>
      <c r="P32" s="351">
        <f>【手順１】!CS49</f>
        <v>0</v>
      </c>
      <c r="Q32" s="351"/>
      <c r="R32" s="351">
        <f>【手順１】!CU49</f>
        <v>0</v>
      </c>
      <c r="S32" s="351"/>
      <c r="T32" s="351">
        <f>【手順１】!CW49</f>
        <v>0</v>
      </c>
      <c r="U32" s="351"/>
      <c r="V32" s="351">
        <f>【手順１】!CY49</f>
        <v>0</v>
      </c>
      <c r="W32" s="352"/>
    </row>
    <row r="33" spans="1:32" ht="23.5" customHeight="1" thickTop="1" x14ac:dyDescent="0.55000000000000004">
      <c r="A33" s="390" t="s">
        <v>4</v>
      </c>
      <c r="B33" s="397" t="s">
        <v>1</v>
      </c>
      <c r="C33" s="398"/>
      <c r="D33" s="348"/>
      <c r="E33" s="346"/>
      <c r="F33" s="346"/>
      <c r="G33" s="346"/>
      <c r="H33" s="346"/>
      <c r="I33" s="346"/>
      <c r="J33" s="346"/>
      <c r="K33" s="346"/>
      <c r="L33" s="346"/>
      <c r="M33" s="346"/>
      <c r="N33" s="346"/>
      <c r="O33" s="346"/>
      <c r="P33" s="346"/>
      <c r="Q33" s="346"/>
      <c r="R33" s="346"/>
      <c r="S33" s="346"/>
      <c r="T33" s="346"/>
      <c r="U33" s="346"/>
      <c r="V33" s="346"/>
      <c r="W33" s="347"/>
      <c r="X33" s="205"/>
      <c r="Y33" s="205"/>
      <c r="Z33" s="205"/>
      <c r="AA33" s="205"/>
      <c r="AB33" s="205"/>
      <c r="AC33" s="205"/>
      <c r="AD33" s="205"/>
      <c r="AE33" s="205"/>
      <c r="AF33" s="205"/>
    </row>
    <row r="34" spans="1:32" ht="23.5" customHeight="1" x14ac:dyDescent="0.55000000000000004">
      <c r="A34" s="391"/>
      <c r="B34" s="397" t="s">
        <v>0</v>
      </c>
      <c r="C34" s="398"/>
      <c r="D34" s="229"/>
      <c r="E34" s="228"/>
      <c r="F34" s="228"/>
      <c r="G34" s="228"/>
      <c r="H34" s="228"/>
      <c r="I34" s="228"/>
      <c r="J34" s="228"/>
      <c r="K34" s="228"/>
      <c r="L34" s="228"/>
      <c r="M34" s="228"/>
      <c r="N34" s="228"/>
      <c r="O34" s="228"/>
      <c r="P34" s="228"/>
      <c r="Q34" s="228"/>
      <c r="R34" s="228"/>
      <c r="S34" s="228"/>
      <c r="T34" s="228"/>
      <c r="U34" s="228"/>
      <c r="V34" s="228"/>
      <c r="W34" s="230"/>
      <c r="X34" s="205"/>
      <c r="Y34" s="205"/>
      <c r="Z34" s="205"/>
      <c r="AA34" s="205"/>
      <c r="AB34" s="205"/>
      <c r="AC34" s="205"/>
      <c r="AD34" s="205"/>
      <c r="AE34" s="205"/>
      <c r="AF34" s="205"/>
    </row>
    <row r="35" spans="1:32" ht="23.5" customHeight="1" x14ac:dyDescent="0.55000000000000004">
      <c r="A35" s="391"/>
      <c r="B35" s="397" t="s">
        <v>77</v>
      </c>
      <c r="C35" s="398"/>
      <c r="D35" s="345"/>
      <c r="E35" s="343"/>
      <c r="F35" s="343"/>
      <c r="G35" s="343"/>
      <c r="H35" s="343"/>
      <c r="I35" s="343"/>
      <c r="J35" s="343"/>
      <c r="K35" s="343"/>
      <c r="L35" s="343"/>
      <c r="M35" s="343"/>
      <c r="N35" s="343"/>
      <c r="O35" s="343"/>
      <c r="P35" s="343"/>
      <c r="Q35" s="343"/>
      <c r="R35" s="343"/>
      <c r="S35" s="343"/>
      <c r="T35" s="343"/>
      <c r="U35" s="343"/>
      <c r="V35" s="343"/>
      <c r="W35" s="344"/>
      <c r="X35" s="205"/>
      <c r="Y35" s="205"/>
      <c r="Z35" s="205"/>
      <c r="AA35" s="205"/>
      <c r="AB35" s="205"/>
      <c r="AC35" s="205"/>
      <c r="AD35" s="205"/>
      <c r="AE35" s="205"/>
      <c r="AF35" s="205"/>
    </row>
    <row r="36" spans="1:32" ht="23.5" customHeight="1" thickBot="1" x14ac:dyDescent="0.6">
      <c r="A36" s="392"/>
      <c r="B36" s="397" t="s">
        <v>78</v>
      </c>
      <c r="C36" s="398"/>
      <c r="D36" s="350"/>
      <c r="E36" s="349"/>
      <c r="F36" s="349"/>
      <c r="G36" s="349"/>
      <c r="H36" s="349"/>
      <c r="I36" s="349"/>
      <c r="J36" s="349"/>
      <c r="K36" s="349"/>
      <c r="L36" s="349"/>
      <c r="M36" s="349"/>
      <c r="N36" s="349"/>
      <c r="O36" s="349"/>
      <c r="P36" s="340"/>
      <c r="Q36" s="340"/>
      <c r="R36" s="340"/>
      <c r="S36" s="340"/>
      <c r="T36" s="340"/>
      <c r="U36" s="340"/>
      <c r="V36" s="340"/>
      <c r="W36" s="341"/>
      <c r="X36" s="205"/>
      <c r="Y36" s="205"/>
      <c r="Z36" s="205"/>
      <c r="AA36" s="205"/>
      <c r="AB36" s="205"/>
      <c r="AC36" s="205"/>
      <c r="AD36" s="205"/>
      <c r="AE36" s="205"/>
      <c r="AF36" s="205"/>
    </row>
    <row r="37" spans="1:32" ht="18.5" thickTop="1" x14ac:dyDescent="0.55000000000000004">
      <c r="D37" s="227"/>
      <c r="E37" s="227"/>
      <c r="F37" s="227"/>
      <c r="G37" s="227"/>
      <c r="H37" s="227"/>
      <c r="I37" s="227"/>
      <c r="J37" s="227"/>
      <c r="K37" s="227"/>
      <c r="L37" s="227"/>
      <c r="M37" s="205"/>
      <c r="N37" s="205"/>
      <c r="O37" s="227"/>
      <c r="P37" s="226"/>
      <c r="Q37" s="226"/>
      <c r="R37" s="226"/>
      <c r="S37" s="226"/>
      <c r="T37" s="226"/>
      <c r="U37" s="226"/>
      <c r="V37" s="226"/>
      <c r="W37" s="226"/>
      <c r="X37" s="205"/>
      <c r="Y37" s="205"/>
      <c r="Z37" s="205"/>
      <c r="AA37" s="205"/>
      <c r="AB37" s="205"/>
      <c r="AC37" s="205"/>
      <c r="AD37" s="205"/>
      <c r="AE37" s="205"/>
      <c r="AF37" s="205"/>
    </row>
    <row r="38" spans="1:32" x14ac:dyDescent="0.55000000000000004">
      <c r="B38" s="7"/>
      <c r="C38" s="7"/>
      <c r="D38" s="206"/>
      <c r="E38" s="206"/>
      <c r="F38" s="206"/>
      <c r="G38" s="206"/>
      <c r="H38" s="206"/>
      <c r="I38" s="206"/>
      <c r="J38" s="206"/>
      <c r="K38" s="206"/>
      <c r="L38" s="206"/>
      <c r="M38" s="206"/>
      <c r="N38" s="206"/>
      <c r="O38" s="206"/>
      <c r="P38" s="206"/>
      <c r="Q38" s="206"/>
      <c r="R38" s="206"/>
      <c r="S38" s="206"/>
      <c r="T38" s="206"/>
      <c r="U38" s="206"/>
      <c r="V38" s="206"/>
      <c r="W38" s="206"/>
      <c r="X38" s="205"/>
      <c r="Y38" s="205"/>
      <c r="Z38" s="205"/>
      <c r="AA38" s="205"/>
      <c r="AB38" s="205"/>
      <c r="AC38" s="205"/>
      <c r="AD38" s="205"/>
      <c r="AE38" s="205"/>
      <c r="AF38" s="205"/>
    </row>
    <row r="39" spans="1:32" x14ac:dyDescent="0.55000000000000004">
      <c r="D39" s="205"/>
      <c r="E39" s="205"/>
      <c r="F39" s="205"/>
      <c r="G39" s="205"/>
      <c r="H39" s="205"/>
      <c r="I39" s="205"/>
      <c r="J39" s="205"/>
      <c r="K39" s="205"/>
      <c r="L39" s="205"/>
      <c r="M39" s="205"/>
      <c r="N39" s="205"/>
      <c r="O39" s="205"/>
      <c r="P39" s="205"/>
      <c r="Q39" s="205"/>
      <c r="R39" s="205"/>
      <c r="S39" s="205"/>
      <c r="T39" s="205"/>
      <c r="U39" s="205"/>
      <c r="V39" s="205"/>
      <c r="W39" s="205"/>
      <c r="X39" s="205"/>
      <c r="Y39" s="205"/>
      <c r="Z39" s="205"/>
      <c r="AA39" s="205"/>
      <c r="AB39" s="205"/>
      <c r="AC39" s="205"/>
      <c r="AD39" s="205"/>
      <c r="AE39" s="205"/>
      <c r="AF39" s="205"/>
    </row>
    <row r="40" spans="1:32" x14ac:dyDescent="0.55000000000000004">
      <c r="D40" s="205"/>
      <c r="E40" s="205"/>
      <c r="F40" s="205"/>
      <c r="G40" s="205"/>
      <c r="H40" s="205"/>
      <c r="I40" s="205"/>
      <c r="J40" s="205"/>
      <c r="K40" s="205"/>
      <c r="L40" s="205"/>
      <c r="M40" s="205"/>
      <c r="N40" s="205"/>
      <c r="O40" s="205"/>
      <c r="P40" s="205"/>
      <c r="Q40" s="205"/>
      <c r="R40" s="205"/>
      <c r="S40" s="205"/>
      <c r="T40" s="205"/>
      <c r="U40" s="205"/>
      <c r="V40" s="205"/>
      <c r="W40" s="205"/>
      <c r="X40" s="205"/>
      <c r="Y40" s="205"/>
      <c r="Z40" s="205"/>
      <c r="AA40" s="205"/>
      <c r="AB40" s="205"/>
      <c r="AC40" s="205"/>
      <c r="AD40" s="205"/>
      <c r="AE40" s="205"/>
      <c r="AF40" s="205"/>
    </row>
    <row r="41" spans="1:32" x14ac:dyDescent="0.55000000000000004">
      <c r="D41" s="205"/>
      <c r="E41" s="205"/>
      <c r="F41" s="205"/>
      <c r="G41" s="205"/>
      <c r="H41" s="205"/>
      <c r="I41" s="205"/>
      <c r="J41" s="205"/>
      <c r="K41" s="205"/>
      <c r="L41" s="205"/>
      <c r="M41" s="205"/>
      <c r="N41" s="205"/>
      <c r="O41" s="205"/>
      <c r="P41" s="205"/>
      <c r="Q41" s="205"/>
      <c r="R41" s="205"/>
      <c r="S41" s="205"/>
      <c r="T41" s="205"/>
      <c r="U41" s="205"/>
      <c r="V41" s="205"/>
      <c r="W41" s="205"/>
      <c r="X41" s="205"/>
      <c r="Y41" s="205"/>
      <c r="Z41" s="205"/>
      <c r="AA41" s="205"/>
      <c r="AB41" s="205"/>
      <c r="AC41" s="205"/>
      <c r="AD41" s="205"/>
      <c r="AE41" s="205"/>
      <c r="AF41" s="205"/>
    </row>
    <row r="42" spans="1:32" x14ac:dyDescent="0.55000000000000004">
      <c r="D42" s="205"/>
      <c r="E42" s="205"/>
      <c r="F42" s="205"/>
      <c r="G42" s="205"/>
      <c r="H42" s="205"/>
      <c r="I42" s="205"/>
      <c r="J42" s="205"/>
      <c r="K42" s="205"/>
      <c r="L42" s="205"/>
      <c r="M42" s="205"/>
      <c r="N42" s="205"/>
      <c r="O42" s="205"/>
      <c r="P42" s="205"/>
      <c r="Q42" s="205"/>
      <c r="R42" s="205"/>
      <c r="S42" s="205"/>
      <c r="T42" s="205"/>
      <c r="U42" s="205"/>
      <c r="V42" s="205"/>
      <c r="W42" s="205"/>
      <c r="X42" s="205"/>
      <c r="Y42" s="205"/>
      <c r="Z42" s="205"/>
      <c r="AA42" s="205"/>
      <c r="AB42" s="205"/>
      <c r="AC42" s="205"/>
      <c r="AD42" s="205"/>
      <c r="AE42" s="205"/>
      <c r="AF42" s="205"/>
    </row>
    <row r="43" spans="1:32" x14ac:dyDescent="0.55000000000000004">
      <c r="D43" s="205"/>
      <c r="E43" s="205"/>
      <c r="F43" s="205"/>
      <c r="G43" s="205"/>
      <c r="H43" s="205"/>
      <c r="I43" s="205"/>
      <c r="J43" s="205"/>
      <c r="K43" s="205"/>
      <c r="L43" s="205"/>
      <c r="M43" s="205"/>
      <c r="N43" s="205"/>
      <c r="O43" s="205"/>
      <c r="P43" s="205"/>
      <c r="Q43" s="205"/>
      <c r="R43" s="205"/>
      <c r="S43" s="205"/>
      <c r="T43" s="205"/>
      <c r="U43" s="205"/>
      <c r="V43" s="205"/>
      <c r="W43" s="205"/>
      <c r="X43" s="205"/>
      <c r="Y43" s="205"/>
      <c r="Z43" s="205"/>
      <c r="AA43" s="205"/>
      <c r="AB43" s="205"/>
      <c r="AC43" s="205"/>
      <c r="AD43" s="205"/>
      <c r="AE43" s="205"/>
      <c r="AF43" s="205"/>
    </row>
    <row r="44" spans="1:32" x14ac:dyDescent="0.55000000000000004">
      <c r="D44" s="205"/>
      <c r="E44" s="205"/>
      <c r="F44" s="205"/>
      <c r="G44" s="205"/>
      <c r="H44" s="205"/>
      <c r="I44" s="205"/>
      <c r="J44" s="205"/>
      <c r="K44" s="205"/>
      <c r="L44" s="205"/>
      <c r="M44" s="205"/>
      <c r="N44" s="205"/>
      <c r="O44" s="205"/>
      <c r="P44" s="205"/>
      <c r="Q44" s="205"/>
      <c r="R44" s="205"/>
      <c r="S44" s="205"/>
      <c r="T44" s="205"/>
      <c r="U44" s="205"/>
      <c r="V44" s="205"/>
      <c r="W44" s="205"/>
      <c r="X44" s="205"/>
      <c r="Y44" s="205"/>
      <c r="Z44" s="205"/>
      <c r="AA44" s="205"/>
      <c r="AB44" s="205"/>
      <c r="AC44" s="205"/>
      <c r="AD44" s="205"/>
      <c r="AE44" s="205"/>
      <c r="AF44" s="205"/>
    </row>
    <row r="45" spans="1:32" x14ac:dyDescent="0.55000000000000004">
      <c r="D45" s="205"/>
      <c r="E45" s="205"/>
      <c r="F45" s="205"/>
      <c r="G45" s="205"/>
      <c r="H45" s="205"/>
      <c r="I45" s="205"/>
      <c r="J45" s="205"/>
      <c r="K45" s="205"/>
      <c r="L45" s="205"/>
      <c r="M45" s="205"/>
      <c r="N45" s="205"/>
      <c r="O45" s="205"/>
      <c r="P45" s="205"/>
      <c r="Q45" s="205"/>
      <c r="R45" s="205"/>
      <c r="S45" s="205"/>
      <c r="T45" s="205"/>
      <c r="U45" s="205"/>
      <c r="V45" s="205"/>
      <c r="W45" s="205"/>
      <c r="X45" s="205"/>
      <c r="Y45" s="205"/>
      <c r="Z45" s="205"/>
      <c r="AA45" s="205"/>
      <c r="AB45" s="205"/>
      <c r="AC45" s="205"/>
      <c r="AD45" s="205"/>
      <c r="AE45" s="205"/>
      <c r="AF45" s="205"/>
    </row>
    <row r="46" spans="1:32" x14ac:dyDescent="0.55000000000000004">
      <c r="D46" s="205"/>
      <c r="E46" s="205"/>
      <c r="F46" s="205"/>
      <c r="G46" s="205"/>
      <c r="H46" s="205"/>
      <c r="I46" s="205"/>
      <c r="J46" s="205"/>
      <c r="K46" s="205"/>
      <c r="L46" s="205"/>
      <c r="M46" s="205"/>
      <c r="N46" s="205"/>
      <c r="O46" s="205"/>
      <c r="P46" s="205"/>
      <c r="Q46" s="205"/>
      <c r="R46" s="205"/>
      <c r="S46" s="205"/>
      <c r="T46" s="205"/>
      <c r="U46" s="205"/>
      <c r="V46" s="205"/>
      <c r="W46" s="205"/>
      <c r="X46" s="205"/>
      <c r="Y46" s="205"/>
      <c r="Z46" s="205"/>
      <c r="AA46" s="205"/>
      <c r="AB46" s="205"/>
      <c r="AC46" s="205"/>
      <c r="AD46" s="205"/>
      <c r="AE46" s="205"/>
      <c r="AF46" s="205"/>
    </row>
    <row r="47" spans="1:32" x14ac:dyDescent="0.55000000000000004">
      <c r="D47" s="205"/>
      <c r="E47" s="205"/>
      <c r="F47" s="205"/>
      <c r="G47" s="205"/>
      <c r="H47" s="205"/>
      <c r="I47" s="205"/>
      <c r="J47" s="205"/>
      <c r="K47" s="205"/>
      <c r="L47" s="205"/>
      <c r="M47" s="205"/>
      <c r="N47" s="205"/>
      <c r="O47" s="205"/>
      <c r="P47" s="205"/>
      <c r="Q47" s="205"/>
      <c r="R47" s="205"/>
      <c r="S47" s="205"/>
      <c r="T47" s="205"/>
      <c r="U47" s="205"/>
      <c r="V47" s="205"/>
      <c r="W47" s="205"/>
      <c r="X47" s="205"/>
      <c r="Y47" s="205"/>
      <c r="Z47" s="205"/>
      <c r="AA47" s="205"/>
      <c r="AB47" s="205"/>
      <c r="AC47" s="205"/>
      <c r="AD47" s="205"/>
      <c r="AE47" s="205"/>
      <c r="AF47" s="205"/>
    </row>
    <row r="48" spans="1:32" x14ac:dyDescent="0.55000000000000004">
      <c r="D48" s="205"/>
      <c r="E48" s="205"/>
      <c r="F48" s="205"/>
      <c r="G48" s="205"/>
      <c r="H48" s="205"/>
      <c r="I48" s="205"/>
      <c r="J48" s="205"/>
      <c r="K48" s="205"/>
      <c r="L48" s="205"/>
      <c r="M48" s="205"/>
      <c r="N48" s="205"/>
      <c r="O48" s="205"/>
      <c r="P48" s="205"/>
      <c r="Q48" s="205"/>
      <c r="R48" s="205"/>
      <c r="S48" s="205"/>
      <c r="T48" s="205"/>
      <c r="U48" s="205"/>
      <c r="V48" s="205"/>
      <c r="W48" s="205"/>
      <c r="X48" s="205"/>
      <c r="Y48" s="205"/>
      <c r="Z48" s="205"/>
      <c r="AA48" s="205"/>
      <c r="AB48" s="205"/>
      <c r="AC48" s="205"/>
      <c r="AD48" s="205"/>
      <c r="AE48" s="205"/>
      <c r="AF48" s="205"/>
    </row>
    <row r="49" spans="4:32" x14ac:dyDescent="0.55000000000000004">
      <c r="D49" s="205"/>
      <c r="E49" s="205"/>
      <c r="F49" s="205"/>
      <c r="G49" s="205"/>
      <c r="H49" s="205"/>
      <c r="I49" s="205"/>
      <c r="J49" s="205"/>
      <c r="K49" s="205"/>
      <c r="L49" s="205"/>
      <c r="M49" s="205"/>
      <c r="N49" s="205"/>
      <c r="O49" s="205"/>
      <c r="P49" s="205"/>
      <c r="Q49" s="205"/>
      <c r="R49" s="205"/>
      <c r="S49" s="205"/>
      <c r="T49" s="205"/>
      <c r="U49" s="205"/>
      <c r="V49" s="205"/>
      <c r="W49" s="205"/>
      <c r="X49" s="205"/>
      <c r="Y49" s="205"/>
      <c r="Z49" s="205"/>
      <c r="AA49" s="205"/>
      <c r="AB49" s="205"/>
      <c r="AC49" s="205"/>
      <c r="AD49" s="205"/>
      <c r="AE49" s="205"/>
      <c r="AF49" s="205"/>
    </row>
    <row r="50" spans="4:32" x14ac:dyDescent="0.55000000000000004">
      <c r="D50" s="205"/>
      <c r="E50" s="205"/>
      <c r="F50" s="205"/>
      <c r="G50" s="205"/>
      <c r="H50" s="205"/>
      <c r="I50" s="205"/>
      <c r="J50" s="205"/>
      <c r="K50" s="205"/>
      <c r="L50" s="205"/>
      <c r="M50" s="205"/>
      <c r="N50" s="205"/>
      <c r="O50" s="205"/>
      <c r="P50" s="205"/>
      <c r="Q50" s="205"/>
      <c r="R50" s="205"/>
      <c r="S50" s="205"/>
      <c r="T50" s="205"/>
      <c r="U50" s="205"/>
      <c r="V50" s="205"/>
      <c r="W50" s="205"/>
      <c r="X50" s="205"/>
      <c r="Y50" s="205"/>
      <c r="Z50" s="205"/>
      <c r="AA50" s="205"/>
      <c r="AB50" s="205"/>
      <c r="AC50" s="205"/>
      <c r="AD50" s="205"/>
      <c r="AE50" s="205"/>
      <c r="AF50" s="205"/>
    </row>
    <row r="51" spans="4:32" x14ac:dyDescent="0.55000000000000004">
      <c r="D51" s="205"/>
      <c r="E51" s="205"/>
      <c r="F51" s="205"/>
      <c r="G51" s="205"/>
      <c r="H51" s="205"/>
      <c r="I51" s="205"/>
      <c r="J51" s="205"/>
      <c r="K51" s="205"/>
      <c r="L51" s="205"/>
      <c r="M51" s="205"/>
      <c r="N51" s="205"/>
      <c r="O51" s="205"/>
      <c r="P51" s="205"/>
      <c r="Q51" s="205"/>
      <c r="R51" s="205"/>
      <c r="S51" s="205"/>
      <c r="T51" s="205"/>
      <c r="U51" s="205"/>
      <c r="V51" s="205"/>
      <c r="W51" s="205"/>
      <c r="X51" s="205"/>
      <c r="Y51" s="205"/>
      <c r="Z51" s="205"/>
      <c r="AA51" s="205"/>
      <c r="AB51" s="205"/>
      <c r="AC51" s="205"/>
      <c r="AD51" s="205"/>
      <c r="AE51" s="205"/>
      <c r="AF51" s="205"/>
    </row>
    <row r="52" spans="4:32" x14ac:dyDescent="0.55000000000000004">
      <c r="D52" s="205"/>
      <c r="E52" s="205"/>
      <c r="F52" s="205"/>
      <c r="G52" s="205"/>
      <c r="H52" s="205"/>
      <c r="I52" s="205"/>
      <c r="J52" s="205"/>
      <c r="K52" s="205"/>
      <c r="L52" s="205"/>
      <c r="M52" s="205"/>
      <c r="N52" s="205"/>
      <c r="O52" s="205"/>
      <c r="P52" s="205"/>
      <c r="Q52" s="205"/>
      <c r="R52" s="205"/>
      <c r="S52" s="205"/>
      <c r="T52" s="205"/>
      <c r="U52" s="205"/>
      <c r="V52" s="205"/>
      <c r="W52" s="205"/>
      <c r="X52" s="205"/>
      <c r="Y52" s="205"/>
      <c r="Z52" s="205"/>
      <c r="AA52" s="205"/>
      <c r="AB52" s="205"/>
      <c r="AC52" s="205"/>
      <c r="AD52" s="205"/>
      <c r="AE52" s="205"/>
      <c r="AF52" s="205"/>
    </row>
    <row r="53" spans="4:32" x14ac:dyDescent="0.55000000000000004">
      <c r="D53" s="205"/>
      <c r="E53" s="205"/>
      <c r="F53" s="205"/>
      <c r="G53" s="205"/>
      <c r="H53" s="205"/>
      <c r="I53" s="205"/>
      <c r="J53" s="205"/>
      <c r="K53" s="205"/>
      <c r="L53" s="205"/>
      <c r="M53" s="205"/>
      <c r="N53" s="205"/>
      <c r="O53" s="205"/>
      <c r="P53" s="205"/>
      <c r="Q53" s="205"/>
      <c r="R53" s="205"/>
      <c r="S53" s="205"/>
      <c r="T53" s="205"/>
      <c r="U53" s="205"/>
      <c r="V53" s="205"/>
      <c r="W53" s="205"/>
      <c r="X53" s="205"/>
      <c r="Y53" s="205"/>
      <c r="Z53" s="205"/>
      <c r="AA53" s="205"/>
      <c r="AB53" s="205"/>
      <c r="AC53" s="205"/>
      <c r="AD53" s="205"/>
      <c r="AE53" s="205"/>
      <c r="AF53" s="205"/>
    </row>
    <row r="54" spans="4:32" x14ac:dyDescent="0.55000000000000004">
      <c r="D54" s="205"/>
      <c r="E54" s="205"/>
      <c r="F54" s="205"/>
      <c r="G54" s="205"/>
      <c r="H54" s="205"/>
      <c r="I54" s="205"/>
      <c r="J54" s="205"/>
      <c r="K54" s="205"/>
      <c r="L54" s="205"/>
      <c r="M54" s="205"/>
      <c r="N54" s="205"/>
      <c r="O54" s="205"/>
      <c r="P54" s="205"/>
      <c r="Q54" s="205"/>
      <c r="R54" s="205"/>
      <c r="S54" s="205"/>
      <c r="T54" s="205"/>
      <c r="U54" s="205"/>
      <c r="V54" s="205"/>
      <c r="W54" s="205"/>
      <c r="X54" s="205"/>
      <c r="Y54" s="205"/>
      <c r="Z54" s="205"/>
      <c r="AA54" s="205"/>
      <c r="AB54" s="205"/>
      <c r="AC54" s="205"/>
      <c r="AD54" s="205"/>
      <c r="AE54" s="205"/>
      <c r="AF54" s="205"/>
    </row>
    <row r="55" spans="4:32" x14ac:dyDescent="0.55000000000000004">
      <c r="D55" s="205"/>
      <c r="E55" s="205"/>
      <c r="F55" s="205"/>
      <c r="G55" s="205"/>
      <c r="H55" s="205"/>
      <c r="I55" s="205"/>
      <c r="J55" s="205"/>
      <c r="K55" s="205"/>
      <c r="L55" s="205"/>
      <c r="M55" s="205"/>
      <c r="N55" s="205"/>
      <c r="O55" s="205"/>
      <c r="P55" s="205"/>
      <c r="Q55" s="205"/>
      <c r="R55" s="205"/>
      <c r="S55" s="205"/>
      <c r="T55" s="205"/>
      <c r="U55" s="205"/>
      <c r="V55" s="205"/>
      <c r="W55" s="205"/>
      <c r="X55" s="205"/>
      <c r="Y55" s="205"/>
      <c r="Z55" s="205"/>
      <c r="AA55" s="205"/>
      <c r="AB55" s="205"/>
      <c r="AC55" s="205"/>
      <c r="AD55" s="205"/>
      <c r="AE55" s="205"/>
      <c r="AF55" s="205"/>
    </row>
    <row r="56" spans="4:32" x14ac:dyDescent="0.55000000000000004">
      <c r="D56" s="205"/>
      <c r="E56" s="205"/>
      <c r="F56" s="205"/>
      <c r="G56" s="205"/>
      <c r="H56" s="205"/>
      <c r="I56" s="205"/>
      <c r="J56" s="205"/>
      <c r="K56" s="205"/>
      <c r="L56" s="205"/>
      <c r="M56" s="205"/>
      <c r="N56" s="205"/>
      <c r="O56" s="205"/>
      <c r="P56" s="205"/>
      <c r="Q56" s="205"/>
      <c r="R56" s="205"/>
      <c r="S56" s="205"/>
      <c r="T56" s="205"/>
      <c r="U56" s="205"/>
      <c r="V56" s="205"/>
      <c r="W56" s="205"/>
      <c r="X56" s="205"/>
      <c r="Y56" s="205"/>
      <c r="Z56" s="205"/>
      <c r="AA56" s="205"/>
      <c r="AB56" s="205"/>
      <c r="AC56" s="205"/>
      <c r="AD56" s="205"/>
      <c r="AE56" s="205"/>
      <c r="AF56" s="205"/>
    </row>
    <row r="57" spans="4:32" x14ac:dyDescent="0.55000000000000004">
      <c r="D57" s="205"/>
      <c r="E57" s="205"/>
      <c r="F57" s="205"/>
      <c r="G57" s="205"/>
      <c r="H57" s="205"/>
      <c r="I57" s="205"/>
      <c r="J57" s="205"/>
      <c r="K57" s="205"/>
      <c r="L57" s="205"/>
      <c r="M57" s="205"/>
      <c r="N57" s="205"/>
      <c r="O57" s="205"/>
      <c r="P57" s="205"/>
      <c r="Q57" s="205"/>
      <c r="R57" s="205"/>
      <c r="S57" s="205"/>
      <c r="T57" s="205"/>
      <c r="U57" s="205"/>
      <c r="V57" s="205"/>
      <c r="W57" s="205"/>
      <c r="X57" s="205"/>
      <c r="Y57" s="205"/>
      <c r="Z57" s="205"/>
      <c r="AA57" s="205"/>
      <c r="AB57" s="205"/>
      <c r="AC57" s="205"/>
      <c r="AD57" s="205"/>
      <c r="AE57" s="205"/>
      <c r="AF57" s="205"/>
    </row>
    <row r="58" spans="4:32" x14ac:dyDescent="0.55000000000000004">
      <c r="D58" s="205"/>
      <c r="E58" s="205"/>
      <c r="F58" s="205"/>
      <c r="G58" s="205"/>
      <c r="H58" s="205"/>
      <c r="I58" s="205"/>
      <c r="J58" s="205"/>
      <c r="K58" s="205"/>
      <c r="L58" s="205"/>
      <c r="M58" s="205"/>
      <c r="N58" s="205"/>
      <c r="O58" s="205"/>
      <c r="P58" s="205"/>
      <c r="Q58" s="205"/>
      <c r="R58" s="205"/>
      <c r="S58" s="205"/>
      <c r="T58" s="205"/>
      <c r="U58" s="205"/>
      <c r="V58" s="205"/>
      <c r="W58" s="205"/>
      <c r="X58" s="205"/>
      <c r="Y58" s="205"/>
      <c r="Z58" s="205"/>
      <c r="AA58" s="205"/>
      <c r="AB58" s="205"/>
      <c r="AC58" s="205"/>
      <c r="AD58" s="205"/>
      <c r="AE58" s="205"/>
      <c r="AF58" s="205"/>
    </row>
    <row r="59" spans="4:32" x14ac:dyDescent="0.55000000000000004">
      <c r="D59" s="205"/>
      <c r="E59" s="205"/>
      <c r="F59" s="205"/>
      <c r="G59" s="205"/>
      <c r="H59" s="205"/>
      <c r="I59" s="205"/>
      <c r="J59" s="205"/>
      <c r="K59" s="205"/>
      <c r="L59" s="205"/>
      <c r="M59" s="205"/>
      <c r="N59" s="205"/>
      <c r="O59" s="205"/>
      <c r="P59" s="205"/>
      <c r="Q59" s="205"/>
      <c r="R59" s="205"/>
      <c r="S59" s="205"/>
      <c r="T59" s="205"/>
      <c r="U59" s="205"/>
      <c r="V59" s="205"/>
      <c r="W59" s="205"/>
      <c r="X59" s="205"/>
      <c r="Y59" s="205"/>
      <c r="Z59" s="205"/>
      <c r="AA59" s="205"/>
      <c r="AB59" s="205"/>
      <c r="AC59" s="205"/>
      <c r="AD59" s="205"/>
      <c r="AE59" s="205"/>
      <c r="AF59" s="205"/>
    </row>
    <row r="60" spans="4:32" x14ac:dyDescent="0.55000000000000004">
      <c r="D60" s="205"/>
      <c r="E60" s="205"/>
      <c r="F60" s="205"/>
      <c r="G60" s="205"/>
      <c r="H60" s="205"/>
      <c r="I60" s="205"/>
      <c r="J60" s="205"/>
      <c r="K60" s="205"/>
      <c r="L60" s="205"/>
      <c r="M60" s="205"/>
      <c r="N60" s="205"/>
      <c r="O60" s="205"/>
      <c r="P60" s="205"/>
      <c r="Q60" s="205"/>
      <c r="R60" s="205"/>
      <c r="S60" s="205"/>
      <c r="T60" s="205"/>
      <c r="U60" s="205"/>
      <c r="V60" s="205"/>
      <c r="W60" s="205"/>
      <c r="X60" s="205"/>
      <c r="Y60" s="205"/>
      <c r="Z60" s="205"/>
      <c r="AA60" s="205"/>
      <c r="AB60" s="205"/>
      <c r="AC60" s="205"/>
      <c r="AD60" s="205"/>
      <c r="AE60" s="205"/>
      <c r="AF60" s="205"/>
    </row>
    <row r="61" spans="4:32" x14ac:dyDescent="0.55000000000000004">
      <c r="D61" s="205"/>
      <c r="E61" s="205"/>
      <c r="F61" s="205"/>
      <c r="G61" s="205"/>
      <c r="H61" s="205"/>
      <c r="I61" s="205"/>
      <c r="J61" s="205"/>
      <c r="K61" s="205"/>
      <c r="L61" s="205"/>
      <c r="M61" s="205"/>
      <c r="N61" s="205"/>
      <c r="O61" s="205"/>
      <c r="P61" s="205"/>
      <c r="Q61" s="205"/>
      <c r="R61" s="205"/>
      <c r="S61" s="205"/>
      <c r="T61" s="205"/>
      <c r="U61" s="205"/>
      <c r="V61" s="205"/>
      <c r="W61" s="205"/>
      <c r="X61" s="205"/>
      <c r="Y61" s="205"/>
      <c r="Z61" s="205"/>
      <c r="AA61" s="205"/>
      <c r="AB61" s="205"/>
      <c r="AC61" s="205"/>
      <c r="AD61" s="205"/>
      <c r="AE61" s="205"/>
      <c r="AF61" s="205"/>
    </row>
    <row r="62" spans="4:32" x14ac:dyDescent="0.55000000000000004">
      <c r="D62" s="205"/>
      <c r="E62" s="205"/>
      <c r="F62" s="205"/>
      <c r="G62" s="205"/>
      <c r="H62" s="205"/>
      <c r="I62" s="205"/>
      <c r="J62" s="205"/>
      <c r="K62" s="205"/>
      <c r="L62" s="205"/>
      <c r="M62" s="205"/>
      <c r="N62" s="205"/>
      <c r="O62" s="205"/>
      <c r="P62" s="205"/>
      <c r="Q62" s="205"/>
      <c r="R62" s="205"/>
      <c r="S62" s="205"/>
      <c r="T62" s="205"/>
      <c r="U62" s="205"/>
      <c r="V62" s="205"/>
      <c r="W62" s="205"/>
      <c r="X62" s="205"/>
      <c r="Y62" s="205"/>
      <c r="Z62" s="205"/>
      <c r="AA62" s="205"/>
      <c r="AB62" s="205"/>
      <c r="AC62" s="205"/>
      <c r="AD62" s="205"/>
      <c r="AE62" s="205"/>
      <c r="AF62" s="205"/>
    </row>
    <row r="63" spans="4:32" x14ac:dyDescent="0.55000000000000004">
      <c r="D63" s="205"/>
      <c r="E63" s="205"/>
      <c r="F63" s="205"/>
      <c r="G63" s="205"/>
      <c r="H63" s="205"/>
      <c r="I63" s="205"/>
      <c r="J63" s="205"/>
      <c r="K63" s="205"/>
      <c r="L63" s="205"/>
      <c r="M63" s="205"/>
      <c r="N63" s="205"/>
      <c r="O63" s="205"/>
      <c r="P63" s="205"/>
      <c r="Q63" s="205"/>
      <c r="R63" s="205"/>
      <c r="S63" s="205"/>
      <c r="T63" s="205"/>
      <c r="U63" s="205"/>
      <c r="V63" s="205"/>
      <c r="W63" s="205"/>
      <c r="X63" s="205"/>
      <c r="Y63" s="205"/>
      <c r="Z63" s="205"/>
      <c r="AA63" s="205"/>
      <c r="AB63" s="205"/>
      <c r="AC63" s="205"/>
      <c r="AD63" s="205"/>
      <c r="AE63" s="205"/>
      <c r="AF63" s="205"/>
    </row>
    <row r="64" spans="4:32" x14ac:dyDescent="0.55000000000000004">
      <c r="D64" s="205"/>
      <c r="E64" s="205"/>
      <c r="F64" s="205"/>
      <c r="G64" s="205"/>
      <c r="H64" s="205"/>
      <c r="I64" s="205"/>
      <c r="J64" s="205"/>
      <c r="K64" s="205"/>
      <c r="L64" s="205"/>
      <c r="M64" s="205"/>
      <c r="N64" s="205"/>
      <c r="O64" s="205"/>
      <c r="P64" s="205"/>
      <c r="Q64" s="205"/>
      <c r="R64" s="205"/>
      <c r="S64" s="205"/>
      <c r="T64" s="205"/>
      <c r="U64" s="205"/>
      <c r="V64" s="205"/>
      <c r="W64" s="205"/>
      <c r="X64" s="205"/>
      <c r="Y64" s="205"/>
      <c r="Z64" s="205"/>
      <c r="AA64" s="205"/>
      <c r="AB64" s="205"/>
      <c r="AC64" s="205"/>
      <c r="AD64" s="205"/>
      <c r="AE64" s="205"/>
      <c r="AF64" s="205"/>
    </row>
    <row r="65" spans="4:32" x14ac:dyDescent="0.55000000000000004">
      <c r="D65" s="205"/>
      <c r="E65" s="205"/>
      <c r="F65" s="205"/>
      <c r="G65" s="205"/>
      <c r="H65" s="205"/>
      <c r="I65" s="205"/>
      <c r="J65" s="205"/>
      <c r="K65" s="205"/>
      <c r="L65" s="205"/>
      <c r="M65" s="205"/>
      <c r="N65" s="205"/>
      <c r="O65" s="205"/>
      <c r="P65" s="205"/>
      <c r="Q65" s="205"/>
      <c r="R65" s="205"/>
      <c r="S65" s="205"/>
      <c r="T65" s="205"/>
      <c r="U65" s="205"/>
      <c r="V65" s="205"/>
      <c r="W65" s="205"/>
      <c r="X65" s="205"/>
      <c r="Y65" s="205"/>
      <c r="Z65" s="205"/>
      <c r="AA65" s="205"/>
      <c r="AB65" s="205"/>
      <c r="AC65" s="205"/>
      <c r="AD65" s="205"/>
      <c r="AE65" s="205"/>
      <c r="AF65" s="205"/>
    </row>
    <row r="66" spans="4:32" x14ac:dyDescent="0.55000000000000004">
      <c r="D66" s="205"/>
      <c r="E66" s="205"/>
      <c r="F66" s="205"/>
      <c r="G66" s="205"/>
      <c r="H66" s="205"/>
      <c r="I66" s="205"/>
      <c r="J66" s="205"/>
      <c r="K66" s="205"/>
      <c r="L66" s="205"/>
      <c r="M66" s="205"/>
      <c r="N66" s="205"/>
      <c r="O66" s="205"/>
      <c r="P66" s="205"/>
      <c r="Q66" s="205"/>
      <c r="R66" s="205"/>
      <c r="S66" s="205"/>
      <c r="T66" s="205"/>
      <c r="U66" s="205"/>
      <c r="V66" s="205"/>
      <c r="W66" s="205"/>
      <c r="X66" s="205"/>
      <c r="Y66" s="205"/>
      <c r="Z66" s="205"/>
      <c r="AA66" s="205"/>
      <c r="AB66" s="205"/>
      <c r="AC66" s="205"/>
      <c r="AD66" s="205"/>
      <c r="AE66" s="205"/>
      <c r="AF66" s="205"/>
    </row>
    <row r="67" spans="4:32" x14ac:dyDescent="0.55000000000000004">
      <c r="D67" s="205"/>
      <c r="E67" s="205"/>
      <c r="F67" s="205"/>
      <c r="G67" s="205"/>
      <c r="H67" s="205"/>
      <c r="I67" s="205"/>
      <c r="J67" s="205"/>
      <c r="K67" s="205"/>
      <c r="L67" s="205"/>
      <c r="M67" s="205"/>
      <c r="N67" s="205"/>
      <c r="O67" s="205"/>
      <c r="P67" s="205"/>
      <c r="Q67" s="205"/>
      <c r="R67" s="205"/>
      <c r="S67" s="205"/>
      <c r="T67" s="205"/>
      <c r="U67" s="205"/>
      <c r="V67" s="205"/>
      <c r="W67" s="205"/>
      <c r="X67" s="205"/>
      <c r="Y67" s="205"/>
      <c r="Z67" s="205"/>
      <c r="AA67" s="205"/>
      <c r="AB67" s="205"/>
      <c r="AC67" s="205"/>
      <c r="AD67" s="205"/>
      <c r="AE67" s="205"/>
      <c r="AF67" s="205"/>
    </row>
    <row r="68" spans="4:32" x14ac:dyDescent="0.55000000000000004">
      <c r="D68" s="205"/>
      <c r="E68" s="205"/>
      <c r="F68" s="205"/>
      <c r="G68" s="205"/>
      <c r="H68" s="205"/>
      <c r="I68" s="205"/>
      <c r="J68" s="205"/>
      <c r="K68" s="205"/>
      <c r="L68" s="205"/>
      <c r="M68" s="205"/>
      <c r="N68" s="205"/>
      <c r="O68" s="205"/>
      <c r="P68" s="205"/>
      <c r="Q68" s="205"/>
      <c r="R68" s="205"/>
      <c r="S68" s="205"/>
      <c r="T68" s="205"/>
      <c r="U68" s="205"/>
      <c r="V68" s="205"/>
      <c r="W68" s="205"/>
      <c r="X68" s="205"/>
      <c r="Y68" s="205"/>
      <c r="Z68" s="205"/>
      <c r="AA68" s="205"/>
      <c r="AB68" s="205"/>
      <c r="AC68" s="205"/>
      <c r="AD68" s="205"/>
      <c r="AE68" s="205"/>
      <c r="AF68" s="205"/>
    </row>
    <row r="69" spans="4:32" x14ac:dyDescent="0.55000000000000004">
      <c r="D69" s="205"/>
      <c r="E69" s="205"/>
      <c r="F69" s="205"/>
      <c r="G69" s="205"/>
      <c r="H69" s="205"/>
      <c r="I69" s="205"/>
      <c r="J69" s="205"/>
      <c r="K69" s="205"/>
      <c r="L69" s="205"/>
      <c r="M69" s="205"/>
      <c r="N69" s="205"/>
      <c r="O69" s="205"/>
      <c r="P69" s="205"/>
      <c r="Q69" s="205"/>
      <c r="R69" s="205"/>
      <c r="S69" s="205"/>
      <c r="T69" s="205"/>
      <c r="U69" s="205"/>
      <c r="V69" s="205"/>
      <c r="W69" s="205"/>
      <c r="X69" s="205"/>
      <c r="Y69" s="205"/>
      <c r="Z69" s="205"/>
      <c r="AA69" s="205"/>
      <c r="AB69" s="205"/>
      <c r="AC69" s="205"/>
      <c r="AD69" s="205"/>
      <c r="AE69" s="205"/>
      <c r="AF69" s="205"/>
    </row>
    <row r="70" spans="4:32" x14ac:dyDescent="0.55000000000000004">
      <c r="D70" s="205"/>
      <c r="E70" s="205"/>
      <c r="F70" s="205"/>
      <c r="G70" s="205"/>
      <c r="H70" s="205"/>
      <c r="I70" s="205"/>
      <c r="J70" s="205"/>
      <c r="K70" s="205"/>
      <c r="L70" s="205"/>
      <c r="M70" s="205"/>
      <c r="N70" s="205"/>
      <c r="O70" s="205"/>
      <c r="P70" s="205"/>
      <c r="Q70" s="205"/>
      <c r="R70" s="205"/>
      <c r="S70" s="205"/>
      <c r="T70" s="205"/>
      <c r="U70" s="205"/>
      <c r="V70" s="205"/>
      <c r="W70" s="205"/>
      <c r="X70" s="205"/>
      <c r="Y70" s="205"/>
      <c r="Z70" s="205"/>
      <c r="AA70" s="205"/>
      <c r="AB70" s="205"/>
      <c r="AC70" s="205"/>
      <c r="AD70" s="205"/>
      <c r="AE70" s="205"/>
      <c r="AF70" s="205"/>
    </row>
    <row r="71" spans="4:32" x14ac:dyDescent="0.55000000000000004">
      <c r="D71" s="205"/>
      <c r="E71" s="205"/>
      <c r="F71" s="205"/>
      <c r="G71" s="205"/>
      <c r="H71" s="205"/>
      <c r="I71" s="205"/>
      <c r="J71" s="205"/>
      <c r="K71" s="205"/>
      <c r="L71" s="205"/>
      <c r="M71" s="205"/>
      <c r="N71" s="205"/>
      <c r="O71" s="205"/>
      <c r="P71" s="205"/>
      <c r="Q71" s="205"/>
      <c r="R71" s="205"/>
      <c r="S71" s="205"/>
      <c r="T71" s="205"/>
      <c r="U71" s="205"/>
      <c r="V71" s="205"/>
      <c r="W71" s="205"/>
      <c r="X71" s="205"/>
      <c r="Y71" s="205"/>
      <c r="Z71" s="205"/>
      <c r="AA71" s="205"/>
      <c r="AB71" s="205"/>
      <c r="AC71" s="205"/>
      <c r="AD71" s="205"/>
      <c r="AE71" s="205"/>
      <c r="AF71" s="205"/>
    </row>
    <row r="72" spans="4:32" x14ac:dyDescent="0.55000000000000004">
      <c r="D72" s="205"/>
      <c r="E72" s="205"/>
      <c r="F72" s="205"/>
      <c r="G72" s="205"/>
      <c r="H72" s="205"/>
      <c r="I72" s="205"/>
      <c r="J72" s="205"/>
      <c r="K72" s="205"/>
      <c r="L72" s="205"/>
      <c r="M72" s="205"/>
      <c r="N72" s="205"/>
      <c r="O72" s="205"/>
      <c r="P72" s="205"/>
      <c r="Q72" s="205"/>
      <c r="R72" s="205"/>
      <c r="S72" s="205"/>
      <c r="T72" s="205"/>
      <c r="U72" s="205"/>
      <c r="V72" s="205"/>
      <c r="W72" s="205"/>
      <c r="X72" s="205"/>
      <c r="Y72" s="205"/>
      <c r="Z72" s="205"/>
      <c r="AA72" s="205"/>
      <c r="AB72" s="205"/>
      <c r="AC72" s="205"/>
      <c r="AD72" s="205"/>
      <c r="AE72" s="205"/>
      <c r="AF72" s="205"/>
    </row>
    <row r="73" spans="4:32" x14ac:dyDescent="0.55000000000000004">
      <c r="D73" s="205"/>
      <c r="E73" s="205"/>
      <c r="F73" s="205"/>
      <c r="G73" s="205"/>
      <c r="H73" s="205"/>
      <c r="I73" s="205"/>
      <c r="J73" s="205"/>
      <c r="K73" s="205"/>
      <c r="L73" s="205"/>
      <c r="M73" s="205"/>
      <c r="N73" s="205"/>
      <c r="O73" s="205"/>
      <c r="P73" s="205"/>
      <c r="Q73" s="205"/>
      <c r="R73" s="205"/>
      <c r="S73" s="205"/>
      <c r="T73" s="205"/>
      <c r="U73" s="205"/>
      <c r="V73" s="205"/>
      <c r="W73" s="205"/>
      <c r="X73" s="205"/>
      <c r="Y73" s="205"/>
      <c r="Z73" s="205"/>
      <c r="AA73" s="205"/>
      <c r="AB73" s="205"/>
      <c r="AC73" s="205"/>
      <c r="AD73" s="205"/>
      <c r="AE73" s="205"/>
      <c r="AF73" s="205"/>
    </row>
    <row r="74" spans="4:32" x14ac:dyDescent="0.55000000000000004">
      <c r="D74" s="205"/>
      <c r="E74" s="205"/>
      <c r="F74" s="205"/>
      <c r="G74" s="205"/>
      <c r="H74" s="205"/>
      <c r="I74" s="205"/>
      <c r="J74" s="205"/>
      <c r="K74" s="205"/>
      <c r="L74" s="205"/>
      <c r="M74" s="205"/>
      <c r="N74" s="205"/>
      <c r="O74" s="205"/>
      <c r="P74" s="205"/>
      <c r="Q74" s="205"/>
      <c r="R74" s="205"/>
      <c r="S74" s="205"/>
      <c r="T74" s="205"/>
      <c r="U74" s="205"/>
      <c r="V74" s="205"/>
      <c r="W74" s="205"/>
      <c r="X74" s="205"/>
      <c r="Y74" s="205"/>
      <c r="Z74" s="205"/>
      <c r="AA74" s="205"/>
      <c r="AB74" s="205"/>
      <c r="AC74" s="205"/>
      <c r="AD74" s="205"/>
      <c r="AE74" s="205"/>
      <c r="AF74" s="205"/>
    </row>
    <row r="75" spans="4:32" x14ac:dyDescent="0.55000000000000004">
      <c r="D75" s="205"/>
      <c r="E75" s="205"/>
      <c r="F75" s="205"/>
      <c r="G75" s="205"/>
      <c r="H75" s="205"/>
      <c r="I75" s="205"/>
      <c r="J75" s="205"/>
      <c r="K75" s="205"/>
      <c r="L75" s="205"/>
      <c r="M75" s="205"/>
      <c r="N75" s="205"/>
      <c r="O75" s="205"/>
      <c r="P75" s="205"/>
      <c r="Q75" s="205"/>
      <c r="R75" s="205"/>
      <c r="S75" s="205"/>
      <c r="T75" s="205"/>
      <c r="U75" s="205"/>
      <c r="V75" s="205"/>
      <c r="W75" s="205"/>
      <c r="X75" s="205"/>
      <c r="Y75" s="205"/>
      <c r="Z75" s="205"/>
      <c r="AA75" s="205"/>
      <c r="AB75" s="205"/>
      <c r="AC75" s="205"/>
      <c r="AD75" s="205"/>
      <c r="AE75" s="205"/>
      <c r="AF75" s="205"/>
    </row>
    <row r="76" spans="4:32" x14ac:dyDescent="0.55000000000000004">
      <c r="D76" s="205"/>
      <c r="E76" s="205"/>
      <c r="F76" s="205"/>
      <c r="G76" s="205"/>
      <c r="H76" s="205"/>
      <c r="I76" s="205"/>
      <c r="J76" s="205"/>
      <c r="K76" s="205"/>
      <c r="L76" s="205"/>
      <c r="M76" s="205"/>
      <c r="N76" s="205"/>
      <c r="O76" s="205"/>
      <c r="P76" s="205"/>
      <c r="Q76" s="205"/>
      <c r="R76" s="205"/>
      <c r="S76" s="205"/>
      <c r="T76" s="205"/>
      <c r="U76" s="205"/>
      <c r="V76" s="205"/>
      <c r="W76" s="205"/>
      <c r="X76" s="205"/>
      <c r="Y76" s="205"/>
      <c r="Z76" s="205"/>
      <c r="AA76" s="205"/>
      <c r="AB76" s="205"/>
      <c r="AC76" s="205"/>
      <c r="AD76" s="205"/>
      <c r="AE76" s="205"/>
      <c r="AF76" s="205"/>
    </row>
    <row r="77" spans="4:32" x14ac:dyDescent="0.55000000000000004">
      <c r="D77" s="205"/>
      <c r="E77" s="205"/>
      <c r="F77" s="205"/>
      <c r="G77" s="205"/>
      <c r="H77" s="205"/>
      <c r="I77" s="205"/>
      <c r="J77" s="205"/>
      <c r="K77" s="205"/>
      <c r="L77" s="205"/>
      <c r="M77" s="205"/>
      <c r="N77" s="205"/>
      <c r="O77" s="205"/>
      <c r="P77" s="205"/>
      <c r="Q77" s="205"/>
      <c r="R77" s="205"/>
      <c r="S77" s="205"/>
      <c r="T77" s="205"/>
      <c r="U77" s="205"/>
      <c r="V77" s="205"/>
      <c r="W77" s="205"/>
      <c r="X77" s="205"/>
      <c r="Y77" s="205"/>
      <c r="Z77" s="205"/>
      <c r="AA77" s="205"/>
      <c r="AB77" s="205"/>
      <c r="AC77" s="205"/>
      <c r="AD77" s="205"/>
      <c r="AE77" s="205"/>
      <c r="AF77" s="205"/>
    </row>
    <row r="78" spans="4:32" x14ac:dyDescent="0.55000000000000004">
      <c r="D78" s="205"/>
      <c r="E78" s="205"/>
      <c r="F78" s="205"/>
      <c r="G78" s="205"/>
      <c r="H78" s="205"/>
      <c r="I78" s="205"/>
      <c r="J78" s="205"/>
      <c r="K78" s="205"/>
      <c r="L78" s="205"/>
      <c r="M78" s="205"/>
      <c r="N78" s="205"/>
      <c r="O78" s="205"/>
      <c r="P78" s="205"/>
      <c r="Q78" s="205"/>
      <c r="R78" s="205"/>
      <c r="S78" s="205"/>
      <c r="T78" s="205"/>
      <c r="U78" s="205"/>
      <c r="V78" s="205"/>
      <c r="W78" s="205"/>
      <c r="X78" s="205"/>
      <c r="Y78" s="205"/>
      <c r="Z78" s="205"/>
      <c r="AA78" s="205"/>
      <c r="AB78" s="205"/>
      <c r="AC78" s="205"/>
      <c r="AD78" s="205"/>
      <c r="AE78" s="205"/>
      <c r="AF78" s="205"/>
    </row>
    <row r="79" spans="4:32" x14ac:dyDescent="0.55000000000000004">
      <c r="D79" s="205"/>
      <c r="E79" s="205"/>
      <c r="F79" s="205"/>
      <c r="G79" s="205"/>
      <c r="H79" s="205"/>
      <c r="I79" s="205"/>
      <c r="J79" s="205"/>
      <c r="K79" s="205"/>
      <c r="L79" s="205"/>
      <c r="M79" s="205"/>
      <c r="N79" s="205"/>
      <c r="O79" s="205"/>
      <c r="P79" s="205"/>
      <c r="Q79" s="205"/>
      <c r="R79" s="205"/>
      <c r="S79" s="205"/>
      <c r="T79" s="205"/>
      <c r="U79" s="205"/>
      <c r="V79" s="205"/>
      <c r="W79" s="205"/>
      <c r="X79" s="205"/>
      <c r="Y79" s="205"/>
      <c r="Z79" s="205"/>
      <c r="AA79" s="205"/>
      <c r="AB79" s="205"/>
      <c r="AC79" s="205"/>
      <c r="AD79" s="205"/>
      <c r="AE79" s="205"/>
      <c r="AF79" s="205"/>
    </row>
    <row r="80" spans="4:32" x14ac:dyDescent="0.55000000000000004">
      <c r="D80" s="205"/>
      <c r="E80" s="205"/>
      <c r="F80" s="205"/>
      <c r="G80" s="205"/>
      <c r="H80" s="205"/>
      <c r="I80" s="205"/>
      <c r="J80" s="205"/>
      <c r="K80" s="205"/>
      <c r="L80" s="205"/>
      <c r="M80" s="205"/>
      <c r="N80" s="205"/>
      <c r="O80" s="205"/>
      <c r="P80" s="205"/>
      <c r="Q80" s="205"/>
      <c r="R80" s="205"/>
      <c r="S80" s="205"/>
      <c r="T80" s="205"/>
      <c r="U80" s="205"/>
      <c r="V80" s="205"/>
      <c r="W80" s="205"/>
      <c r="X80" s="205"/>
      <c r="Y80" s="205"/>
      <c r="Z80" s="205"/>
      <c r="AA80" s="205"/>
      <c r="AB80" s="205"/>
      <c r="AC80" s="205"/>
      <c r="AD80" s="205"/>
      <c r="AE80" s="205"/>
      <c r="AF80" s="205"/>
    </row>
    <row r="81" spans="4:32" x14ac:dyDescent="0.55000000000000004">
      <c r="D81" s="205"/>
      <c r="E81" s="205"/>
      <c r="F81" s="205"/>
      <c r="G81" s="205"/>
      <c r="H81" s="205"/>
      <c r="I81" s="205"/>
      <c r="J81" s="205"/>
      <c r="K81" s="205"/>
      <c r="L81" s="205"/>
      <c r="M81" s="205"/>
      <c r="N81" s="205"/>
      <c r="O81" s="205"/>
      <c r="P81" s="205"/>
      <c r="Q81" s="205"/>
      <c r="R81" s="205"/>
      <c r="S81" s="205"/>
      <c r="T81" s="205"/>
      <c r="U81" s="205"/>
      <c r="V81" s="205"/>
      <c r="W81" s="205"/>
      <c r="X81" s="205"/>
      <c r="Y81" s="205"/>
      <c r="Z81" s="205"/>
      <c r="AA81" s="205"/>
      <c r="AB81" s="205"/>
      <c r="AC81" s="205"/>
      <c r="AD81" s="205"/>
      <c r="AE81" s="205"/>
      <c r="AF81" s="205"/>
    </row>
    <row r="82" spans="4:32" x14ac:dyDescent="0.55000000000000004">
      <c r="D82" s="205"/>
      <c r="E82" s="205"/>
      <c r="F82" s="205"/>
      <c r="G82" s="205"/>
      <c r="H82" s="205"/>
      <c r="I82" s="205"/>
      <c r="J82" s="205"/>
      <c r="K82" s="205"/>
      <c r="L82" s="205"/>
      <c r="M82" s="205"/>
      <c r="N82" s="205"/>
      <c r="O82" s="205"/>
      <c r="P82" s="205"/>
      <c r="Q82" s="205"/>
      <c r="R82" s="205"/>
      <c r="S82" s="205"/>
      <c r="T82" s="205"/>
      <c r="U82" s="205"/>
      <c r="V82" s="205"/>
      <c r="W82" s="205"/>
      <c r="X82" s="205"/>
      <c r="Y82" s="205"/>
      <c r="Z82" s="205"/>
      <c r="AA82" s="205"/>
      <c r="AB82" s="205"/>
      <c r="AC82" s="205"/>
      <c r="AD82" s="205"/>
      <c r="AE82" s="205"/>
      <c r="AF82" s="205"/>
    </row>
    <row r="83" spans="4:32" x14ac:dyDescent="0.55000000000000004">
      <c r="D83" s="205"/>
      <c r="E83" s="205"/>
      <c r="F83" s="205"/>
      <c r="G83" s="205"/>
      <c r="H83" s="205"/>
      <c r="I83" s="205"/>
      <c r="J83" s="205"/>
      <c r="K83" s="205"/>
      <c r="L83" s="205"/>
      <c r="M83" s="205"/>
      <c r="N83" s="205"/>
      <c r="O83" s="205"/>
      <c r="P83" s="205"/>
      <c r="Q83" s="205"/>
      <c r="R83" s="205"/>
      <c r="S83" s="205"/>
      <c r="T83" s="205"/>
      <c r="U83" s="205"/>
      <c r="V83" s="205"/>
      <c r="W83" s="205"/>
      <c r="X83" s="205"/>
      <c r="Y83" s="205"/>
      <c r="Z83" s="205"/>
      <c r="AA83" s="205"/>
      <c r="AB83" s="205"/>
      <c r="AC83" s="205"/>
      <c r="AD83" s="205"/>
      <c r="AE83" s="205"/>
      <c r="AF83" s="205"/>
    </row>
    <row r="84" spans="4:32" x14ac:dyDescent="0.55000000000000004">
      <c r="D84" s="205"/>
      <c r="E84" s="205"/>
      <c r="F84" s="205"/>
      <c r="G84" s="205"/>
      <c r="H84" s="205"/>
      <c r="I84" s="205"/>
      <c r="J84" s="205"/>
      <c r="K84" s="205"/>
      <c r="L84" s="205"/>
      <c r="M84" s="205"/>
      <c r="N84" s="205"/>
      <c r="O84" s="205"/>
      <c r="P84" s="205"/>
      <c r="Q84" s="205"/>
      <c r="R84" s="205"/>
      <c r="S84" s="205"/>
      <c r="T84" s="205"/>
      <c r="U84" s="205"/>
      <c r="V84" s="205"/>
      <c r="W84" s="205"/>
      <c r="X84" s="205"/>
      <c r="Y84" s="205"/>
      <c r="Z84" s="205"/>
      <c r="AA84" s="205"/>
      <c r="AB84" s="205"/>
      <c r="AC84" s="205"/>
      <c r="AD84" s="205"/>
      <c r="AE84" s="205"/>
      <c r="AF84" s="205"/>
    </row>
    <row r="85" spans="4:32" x14ac:dyDescent="0.55000000000000004">
      <c r="D85" s="205"/>
      <c r="E85" s="205"/>
      <c r="F85" s="205"/>
      <c r="G85" s="205"/>
      <c r="H85" s="205"/>
      <c r="I85" s="205"/>
      <c r="J85" s="205"/>
      <c r="K85" s="205"/>
      <c r="L85" s="205"/>
      <c r="M85" s="205"/>
      <c r="N85" s="205"/>
      <c r="O85" s="205"/>
      <c r="P85" s="205"/>
      <c r="Q85" s="205"/>
      <c r="R85" s="205"/>
      <c r="S85" s="205"/>
      <c r="T85" s="205"/>
      <c r="U85" s="205"/>
      <c r="V85" s="205"/>
      <c r="W85" s="205"/>
      <c r="X85" s="205"/>
      <c r="Y85" s="205"/>
      <c r="Z85" s="205"/>
      <c r="AA85" s="205"/>
      <c r="AB85" s="205"/>
      <c r="AC85" s="205"/>
      <c r="AD85" s="205"/>
      <c r="AE85" s="205"/>
      <c r="AF85" s="205"/>
    </row>
    <row r="86" spans="4:32" x14ac:dyDescent="0.55000000000000004">
      <c r="D86" s="205"/>
      <c r="E86" s="205"/>
      <c r="F86" s="205"/>
      <c r="G86" s="205"/>
      <c r="H86" s="205"/>
      <c r="I86" s="205"/>
      <c r="J86" s="205"/>
      <c r="K86" s="205"/>
      <c r="L86" s="205"/>
      <c r="M86" s="205"/>
      <c r="N86" s="205"/>
      <c r="O86" s="205"/>
      <c r="P86" s="205"/>
      <c r="Q86" s="205"/>
      <c r="R86" s="205"/>
      <c r="S86" s="205"/>
      <c r="T86" s="205"/>
      <c r="U86" s="205"/>
      <c r="V86" s="205"/>
      <c r="W86" s="205"/>
      <c r="X86" s="205"/>
      <c r="Y86" s="205"/>
      <c r="Z86" s="205"/>
      <c r="AA86" s="205"/>
      <c r="AB86" s="205"/>
      <c r="AC86" s="205"/>
      <c r="AD86" s="205"/>
      <c r="AE86" s="205"/>
      <c r="AF86" s="205"/>
    </row>
    <row r="87" spans="4:32" x14ac:dyDescent="0.55000000000000004">
      <c r="D87" s="205"/>
      <c r="E87" s="205"/>
      <c r="F87" s="205"/>
      <c r="G87" s="205"/>
      <c r="H87" s="205"/>
      <c r="I87" s="205"/>
      <c r="J87" s="205"/>
      <c r="K87" s="205"/>
      <c r="L87" s="205"/>
      <c r="M87" s="205"/>
      <c r="N87" s="205"/>
      <c r="O87" s="205"/>
      <c r="P87" s="205"/>
      <c r="Q87" s="205"/>
      <c r="R87" s="205"/>
      <c r="S87" s="205"/>
      <c r="T87" s="205"/>
      <c r="U87" s="205"/>
      <c r="V87" s="205"/>
      <c r="W87" s="205"/>
      <c r="X87" s="205"/>
      <c r="Y87" s="205"/>
      <c r="Z87" s="205"/>
      <c r="AA87" s="205"/>
      <c r="AB87" s="205"/>
      <c r="AC87" s="205"/>
      <c r="AD87" s="205"/>
      <c r="AE87" s="205"/>
      <c r="AF87" s="205"/>
    </row>
    <row r="88" spans="4:32" x14ac:dyDescent="0.55000000000000004">
      <c r="D88" s="205"/>
      <c r="E88" s="205"/>
      <c r="F88" s="205"/>
      <c r="G88" s="205"/>
      <c r="H88" s="205"/>
      <c r="I88" s="205"/>
      <c r="J88" s="205"/>
      <c r="K88" s="205"/>
      <c r="L88" s="205"/>
      <c r="M88" s="205"/>
      <c r="N88" s="205"/>
      <c r="O88" s="205"/>
      <c r="P88" s="205"/>
      <c r="Q88" s="205"/>
      <c r="R88" s="205"/>
      <c r="S88" s="205"/>
      <c r="T88" s="205"/>
      <c r="U88" s="205"/>
      <c r="V88" s="205"/>
      <c r="W88" s="205"/>
      <c r="X88" s="205"/>
      <c r="Y88" s="205"/>
      <c r="Z88" s="205"/>
      <c r="AA88" s="205"/>
      <c r="AB88" s="205"/>
      <c r="AC88" s="205"/>
      <c r="AD88" s="205"/>
      <c r="AE88" s="205"/>
      <c r="AF88" s="205"/>
    </row>
    <row r="89" spans="4:32" x14ac:dyDescent="0.55000000000000004">
      <c r="D89" s="205"/>
      <c r="E89" s="205"/>
      <c r="F89" s="205"/>
      <c r="G89" s="205"/>
      <c r="H89" s="205"/>
      <c r="I89" s="205"/>
      <c r="J89" s="205"/>
      <c r="K89" s="205"/>
      <c r="L89" s="205"/>
      <c r="M89" s="205"/>
      <c r="N89" s="205"/>
      <c r="O89" s="205"/>
      <c r="P89" s="205"/>
      <c r="Q89" s="205"/>
      <c r="R89" s="205"/>
      <c r="S89" s="205"/>
      <c r="T89" s="205"/>
      <c r="U89" s="205"/>
      <c r="V89" s="205"/>
      <c r="W89" s="205"/>
      <c r="X89" s="205"/>
      <c r="Y89" s="205"/>
      <c r="Z89" s="205"/>
      <c r="AA89" s="205"/>
      <c r="AB89" s="205"/>
      <c r="AC89" s="205"/>
      <c r="AD89" s="205"/>
      <c r="AE89" s="205"/>
      <c r="AF89" s="205"/>
    </row>
    <row r="90" spans="4:32" x14ac:dyDescent="0.55000000000000004">
      <c r="D90" s="205"/>
      <c r="E90" s="205"/>
      <c r="F90" s="205"/>
      <c r="G90" s="205"/>
      <c r="H90" s="205"/>
      <c r="I90" s="205"/>
      <c r="J90" s="205"/>
      <c r="K90" s="205"/>
      <c r="L90" s="205"/>
      <c r="M90" s="205"/>
      <c r="N90" s="205"/>
      <c r="O90" s="205"/>
      <c r="P90" s="205"/>
      <c r="Q90" s="205"/>
      <c r="R90" s="205"/>
      <c r="S90" s="205"/>
      <c r="T90" s="205"/>
      <c r="U90" s="205"/>
      <c r="V90" s="205"/>
      <c r="W90" s="205"/>
      <c r="X90" s="205"/>
      <c r="Y90" s="205"/>
      <c r="Z90" s="205"/>
      <c r="AA90" s="205"/>
      <c r="AB90" s="205"/>
      <c r="AC90" s="205"/>
      <c r="AD90" s="205"/>
      <c r="AE90" s="205"/>
      <c r="AF90" s="205"/>
    </row>
    <row r="91" spans="4:32" x14ac:dyDescent="0.55000000000000004">
      <c r="D91" s="205"/>
      <c r="E91" s="205"/>
      <c r="F91" s="205"/>
      <c r="G91" s="205"/>
      <c r="H91" s="205"/>
      <c r="I91" s="205"/>
      <c r="J91" s="205"/>
      <c r="K91" s="205"/>
      <c r="L91" s="205"/>
      <c r="M91" s="205"/>
      <c r="N91" s="205"/>
      <c r="O91" s="205"/>
      <c r="P91" s="205"/>
      <c r="Q91" s="205"/>
      <c r="R91" s="205"/>
      <c r="S91" s="205"/>
      <c r="T91" s="205"/>
      <c r="U91" s="205"/>
      <c r="V91" s="205"/>
      <c r="W91" s="205"/>
      <c r="X91" s="205"/>
      <c r="Y91" s="205"/>
      <c r="Z91" s="205"/>
      <c r="AA91" s="205"/>
      <c r="AB91" s="205"/>
      <c r="AC91" s="205"/>
      <c r="AD91" s="205"/>
      <c r="AE91" s="205"/>
      <c r="AF91" s="205"/>
    </row>
    <row r="92" spans="4:32" x14ac:dyDescent="0.55000000000000004">
      <c r="D92" s="205"/>
      <c r="E92" s="205"/>
      <c r="F92" s="205"/>
      <c r="G92" s="205"/>
      <c r="H92" s="205"/>
      <c r="I92" s="205"/>
      <c r="J92" s="205"/>
      <c r="K92" s="205"/>
      <c r="L92" s="205"/>
      <c r="M92" s="205"/>
      <c r="N92" s="205"/>
      <c r="O92" s="205"/>
      <c r="P92" s="205"/>
      <c r="Q92" s="205"/>
      <c r="R92" s="205"/>
      <c r="S92" s="205"/>
      <c r="T92" s="205"/>
      <c r="U92" s="205"/>
      <c r="V92" s="205"/>
      <c r="W92" s="205"/>
      <c r="X92" s="205"/>
      <c r="Y92" s="205"/>
      <c r="Z92" s="205"/>
      <c r="AA92" s="205"/>
      <c r="AB92" s="205"/>
      <c r="AC92" s="205"/>
      <c r="AD92" s="205"/>
      <c r="AE92" s="205"/>
      <c r="AF92" s="205"/>
    </row>
    <row r="93" spans="4:32" x14ac:dyDescent="0.55000000000000004">
      <c r="D93" s="205"/>
      <c r="E93" s="205"/>
      <c r="F93" s="205"/>
      <c r="G93" s="205"/>
      <c r="H93" s="205"/>
      <c r="I93" s="205"/>
      <c r="J93" s="205"/>
      <c r="K93" s="205"/>
      <c r="L93" s="205"/>
      <c r="M93" s="205"/>
      <c r="N93" s="205"/>
      <c r="O93" s="205"/>
      <c r="P93" s="205"/>
      <c r="Q93" s="205"/>
      <c r="R93" s="205"/>
      <c r="S93" s="205"/>
      <c r="T93" s="205"/>
      <c r="U93" s="205"/>
      <c r="V93" s="205"/>
      <c r="W93" s="205"/>
      <c r="X93" s="205"/>
      <c r="Y93" s="205"/>
      <c r="Z93" s="205"/>
      <c r="AA93" s="205"/>
      <c r="AB93" s="205"/>
      <c r="AC93" s="205"/>
      <c r="AD93" s="205"/>
      <c r="AE93" s="205"/>
      <c r="AF93" s="205"/>
    </row>
    <row r="94" spans="4:32" x14ac:dyDescent="0.55000000000000004">
      <c r="D94" s="205"/>
      <c r="E94" s="205"/>
      <c r="F94" s="205"/>
      <c r="G94" s="205"/>
      <c r="H94" s="205"/>
      <c r="I94" s="205"/>
      <c r="J94" s="205"/>
      <c r="K94" s="205"/>
      <c r="L94" s="205"/>
      <c r="M94" s="205"/>
      <c r="N94" s="205"/>
      <c r="O94" s="205"/>
      <c r="P94" s="205"/>
      <c r="Q94" s="205"/>
      <c r="R94" s="205"/>
      <c r="S94" s="205"/>
      <c r="T94" s="205"/>
      <c r="U94" s="205"/>
      <c r="V94" s="205"/>
      <c r="W94" s="205"/>
      <c r="X94" s="205"/>
      <c r="Y94" s="205"/>
      <c r="Z94" s="205"/>
      <c r="AA94" s="205"/>
      <c r="AB94" s="205"/>
      <c r="AC94" s="205"/>
      <c r="AD94" s="205"/>
      <c r="AE94" s="205"/>
      <c r="AF94" s="205"/>
    </row>
    <row r="95" spans="4:32" x14ac:dyDescent="0.55000000000000004">
      <c r="D95" s="205"/>
      <c r="E95" s="205"/>
      <c r="F95" s="205"/>
      <c r="G95" s="205"/>
      <c r="H95" s="205"/>
      <c r="I95" s="205"/>
      <c r="J95" s="205"/>
      <c r="K95" s="205"/>
      <c r="L95" s="205"/>
      <c r="M95" s="205"/>
      <c r="N95" s="205"/>
      <c r="O95" s="205"/>
      <c r="P95" s="205"/>
      <c r="Q95" s="205"/>
      <c r="R95" s="205"/>
      <c r="S95" s="205"/>
      <c r="T95" s="205"/>
      <c r="U95" s="205"/>
      <c r="V95" s="205"/>
      <c r="W95" s="205"/>
      <c r="X95" s="205"/>
      <c r="Y95" s="205"/>
      <c r="Z95" s="205"/>
      <c r="AA95" s="205"/>
      <c r="AB95" s="205"/>
      <c r="AC95" s="205"/>
      <c r="AD95" s="205"/>
      <c r="AE95" s="205"/>
      <c r="AF95" s="205"/>
    </row>
    <row r="96" spans="4:32" x14ac:dyDescent="0.55000000000000004">
      <c r="D96" s="205"/>
      <c r="E96" s="205"/>
      <c r="F96" s="205"/>
      <c r="G96" s="205"/>
      <c r="H96" s="205"/>
      <c r="I96" s="205"/>
      <c r="J96" s="205"/>
      <c r="K96" s="205"/>
      <c r="L96" s="205"/>
      <c r="M96" s="205"/>
      <c r="N96" s="205"/>
      <c r="O96" s="205"/>
      <c r="P96" s="205"/>
      <c r="Q96" s="205"/>
      <c r="R96" s="205"/>
      <c r="S96" s="205"/>
      <c r="T96" s="205"/>
      <c r="U96" s="205"/>
      <c r="V96" s="205"/>
      <c r="W96" s="205"/>
      <c r="X96" s="205"/>
      <c r="Y96" s="205"/>
      <c r="Z96" s="205"/>
      <c r="AA96" s="205"/>
      <c r="AB96" s="205"/>
      <c r="AC96" s="205"/>
      <c r="AD96" s="205"/>
      <c r="AE96" s="205"/>
      <c r="AF96" s="205"/>
    </row>
    <row r="97" spans="4:32" x14ac:dyDescent="0.55000000000000004">
      <c r="D97" s="205"/>
      <c r="E97" s="205"/>
      <c r="F97" s="205"/>
      <c r="G97" s="205"/>
      <c r="H97" s="205"/>
      <c r="I97" s="205"/>
      <c r="J97" s="205"/>
      <c r="K97" s="205"/>
      <c r="L97" s="205"/>
      <c r="M97" s="205"/>
      <c r="N97" s="205"/>
      <c r="O97" s="205"/>
      <c r="P97" s="205"/>
      <c r="Q97" s="205"/>
      <c r="R97" s="205"/>
      <c r="S97" s="205"/>
      <c r="T97" s="205"/>
      <c r="U97" s="205"/>
      <c r="V97" s="205"/>
      <c r="W97" s="205"/>
      <c r="X97" s="205"/>
      <c r="Y97" s="205"/>
      <c r="Z97" s="205"/>
      <c r="AA97" s="205"/>
      <c r="AB97" s="205"/>
      <c r="AC97" s="205"/>
      <c r="AD97" s="205"/>
      <c r="AE97" s="205"/>
      <c r="AF97" s="205"/>
    </row>
    <row r="98" spans="4:32" x14ac:dyDescent="0.55000000000000004">
      <c r="D98" s="205"/>
      <c r="E98" s="205"/>
      <c r="F98" s="205"/>
      <c r="G98" s="205"/>
      <c r="H98" s="205"/>
      <c r="I98" s="205"/>
      <c r="J98" s="205"/>
      <c r="K98" s="205"/>
      <c r="L98" s="205"/>
      <c r="M98" s="205"/>
      <c r="N98" s="205"/>
      <c r="O98" s="205"/>
      <c r="P98" s="205"/>
      <c r="Q98" s="205"/>
      <c r="R98" s="205"/>
      <c r="S98" s="205"/>
      <c r="T98" s="205"/>
      <c r="U98" s="205"/>
      <c r="V98" s="205"/>
      <c r="W98" s="205"/>
      <c r="X98" s="205"/>
      <c r="Y98" s="205"/>
      <c r="Z98" s="205"/>
      <c r="AA98" s="205"/>
      <c r="AB98" s="205"/>
      <c r="AC98" s="205"/>
      <c r="AD98" s="205"/>
      <c r="AE98" s="205"/>
      <c r="AF98" s="205"/>
    </row>
    <row r="99" spans="4:32" x14ac:dyDescent="0.55000000000000004">
      <c r="D99" s="205"/>
      <c r="E99" s="205"/>
      <c r="F99" s="205"/>
      <c r="G99" s="205"/>
      <c r="H99" s="205"/>
      <c r="I99" s="205"/>
      <c r="J99" s="205"/>
      <c r="K99" s="205"/>
      <c r="L99" s="205"/>
      <c r="M99" s="205"/>
      <c r="N99" s="205"/>
      <c r="O99" s="205"/>
      <c r="P99" s="205"/>
      <c r="Q99" s="205"/>
      <c r="R99" s="205"/>
      <c r="S99" s="205"/>
      <c r="T99" s="205"/>
      <c r="U99" s="205"/>
      <c r="V99" s="205"/>
      <c r="W99" s="205"/>
      <c r="X99" s="205"/>
      <c r="Y99" s="205"/>
      <c r="Z99" s="205"/>
      <c r="AA99" s="205"/>
      <c r="AB99" s="205"/>
      <c r="AC99" s="205"/>
      <c r="AD99" s="205"/>
      <c r="AE99" s="205"/>
      <c r="AF99" s="205"/>
    </row>
    <row r="100" spans="4:32" x14ac:dyDescent="0.55000000000000004">
      <c r="D100" s="205"/>
      <c r="E100" s="205"/>
      <c r="F100" s="205"/>
      <c r="G100" s="205"/>
      <c r="H100" s="205"/>
      <c r="I100" s="205"/>
      <c r="J100" s="205"/>
      <c r="K100" s="205"/>
      <c r="L100" s="205"/>
      <c r="M100" s="205"/>
      <c r="N100" s="205"/>
      <c r="O100" s="205"/>
      <c r="P100" s="205"/>
      <c r="Q100" s="205"/>
      <c r="R100" s="205"/>
      <c r="S100" s="205"/>
      <c r="T100" s="205"/>
      <c r="U100" s="205"/>
      <c r="V100" s="205"/>
      <c r="W100" s="205"/>
      <c r="X100" s="205"/>
      <c r="Y100" s="205"/>
      <c r="Z100" s="205"/>
      <c r="AA100" s="205"/>
      <c r="AB100" s="205"/>
      <c r="AC100" s="205"/>
      <c r="AD100" s="205"/>
      <c r="AE100" s="205"/>
      <c r="AF100" s="205"/>
    </row>
    <row r="101" spans="4:32" x14ac:dyDescent="0.55000000000000004">
      <c r="D101" s="205"/>
      <c r="E101" s="205"/>
      <c r="F101" s="205"/>
      <c r="G101" s="205"/>
      <c r="H101" s="205"/>
      <c r="I101" s="205"/>
      <c r="J101" s="205"/>
      <c r="K101" s="205"/>
      <c r="L101" s="205"/>
      <c r="M101" s="205"/>
      <c r="N101" s="205"/>
      <c r="O101" s="205"/>
      <c r="P101" s="205"/>
      <c r="Q101" s="205"/>
      <c r="R101" s="205"/>
      <c r="S101" s="205"/>
      <c r="T101" s="205"/>
      <c r="U101" s="205"/>
      <c r="V101" s="205"/>
      <c r="W101" s="205"/>
      <c r="X101" s="205"/>
      <c r="Y101" s="205"/>
      <c r="Z101" s="205"/>
      <c r="AA101" s="205"/>
      <c r="AB101" s="205"/>
      <c r="AC101" s="205"/>
      <c r="AD101" s="205"/>
      <c r="AE101" s="205"/>
      <c r="AF101" s="205"/>
    </row>
    <row r="102" spans="4:32" x14ac:dyDescent="0.55000000000000004">
      <c r="D102" s="205"/>
      <c r="E102" s="205"/>
      <c r="F102" s="205"/>
      <c r="G102" s="205"/>
      <c r="H102" s="205"/>
      <c r="I102" s="205"/>
      <c r="J102" s="205"/>
      <c r="K102" s="205"/>
      <c r="L102" s="205"/>
      <c r="M102" s="205"/>
      <c r="N102" s="205"/>
      <c r="O102" s="205"/>
      <c r="P102" s="205"/>
      <c r="Q102" s="205"/>
      <c r="R102" s="205"/>
      <c r="S102" s="205"/>
      <c r="T102" s="205"/>
      <c r="U102" s="205"/>
      <c r="V102" s="205"/>
      <c r="W102" s="205"/>
      <c r="X102" s="205"/>
      <c r="Y102" s="205"/>
      <c r="Z102" s="205"/>
      <c r="AA102" s="205"/>
      <c r="AB102" s="205"/>
      <c r="AC102" s="205"/>
      <c r="AD102" s="205"/>
      <c r="AE102" s="205"/>
      <c r="AF102" s="205"/>
    </row>
    <row r="103" spans="4:32" x14ac:dyDescent="0.55000000000000004">
      <c r="D103" s="205"/>
      <c r="E103" s="205"/>
      <c r="F103" s="205"/>
      <c r="G103" s="205"/>
      <c r="H103" s="205"/>
      <c r="I103" s="205"/>
      <c r="J103" s="205"/>
      <c r="K103" s="205"/>
      <c r="L103" s="205"/>
      <c r="M103" s="205"/>
      <c r="N103" s="205"/>
      <c r="O103" s="205"/>
      <c r="P103" s="205"/>
      <c r="Q103" s="205"/>
      <c r="R103" s="205"/>
      <c r="S103" s="205"/>
      <c r="T103" s="205"/>
      <c r="U103" s="205"/>
      <c r="V103" s="205"/>
      <c r="W103" s="205"/>
      <c r="X103" s="205"/>
      <c r="Y103" s="205"/>
      <c r="Z103" s="205"/>
      <c r="AA103" s="205"/>
      <c r="AB103" s="205"/>
      <c r="AC103" s="205"/>
      <c r="AD103" s="205"/>
      <c r="AE103" s="205"/>
      <c r="AF103" s="205"/>
    </row>
    <row r="104" spans="4:32" x14ac:dyDescent="0.55000000000000004">
      <c r="D104" s="205"/>
      <c r="E104" s="205"/>
      <c r="F104" s="205"/>
      <c r="G104" s="205"/>
      <c r="H104" s="205"/>
      <c r="I104" s="205"/>
      <c r="J104" s="205"/>
      <c r="K104" s="205"/>
      <c r="L104" s="205"/>
      <c r="M104" s="205"/>
      <c r="N104" s="205"/>
      <c r="O104" s="205"/>
      <c r="P104" s="205"/>
      <c r="Q104" s="205"/>
      <c r="R104" s="205"/>
      <c r="S104" s="205"/>
      <c r="T104" s="205"/>
      <c r="U104" s="205"/>
      <c r="V104" s="205"/>
      <c r="W104" s="205"/>
      <c r="X104" s="205"/>
      <c r="Y104" s="205"/>
      <c r="Z104" s="205"/>
      <c r="AA104" s="205"/>
      <c r="AB104" s="205"/>
      <c r="AC104" s="205"/>
      <c r="AD104" s="205"/>
      <c r="AE104" s="205"/>
      <c r="AF104" s="205"/>
    </row>
    <row r="105" spans="4:32" x14ac:dyDescent="0.55000000000000004">
      <c r="D105" s="205"/>
      <c r="E105" s="205"/>
      <c r="F105" s="205"/>
      <c r="G105" s="205"/>
      <c r="H105" s="205"/>
      <c r="I105" s="205"/>
      <c r="J105" s="205"/>
      <c r="K105" s="205"/>
      <c r="L105" s="205"/>
      <c r="M105" s="205"/>
      <c r="N105" s="205"/>
      <c r="O105" s="205"/>
      <c r="P105" s="205"/>
      <c r="Q105" s="205"/>
      <c r="R105" s="205"/>
      <c r="S105" s="205"/>
      <c r="T105" s="205"/>
      <c r="U105" s="205"/>
      <c r="V105" s="205"/>
      <c r="W105" s="205"/>
      <c r="X105" s="205"/>
      <c r="Y105" s="205"/>
      <c r="Z105" s="205"/>
      <c r="AA105" s="205"/>
      <c r="AB105" s="205"/>
      <c r="AC105" s="205"/>
      <c r="AD105" s="205"/>
      <c r="AE105" s="205"/>
      <c r="AF105" s="205"/>
    </row>
    <row r="106" spans="4:32" x14ac:dyDescent="0.55000000000000004">
      <c r="D106" s="205"/>
      <c r="E106" s="205"/>
      <c r="F106" s="205"/>
      <c r="G106" s="205"/>
      <c r="H106" s="205"/>
      <c r="I106" s="205"/>
      <c r="J106" s="205"/>
      <c r="K106" s="205"/>
      <c r="L106" s="205"/>
      <c r="M106" s="205"/>
      <c r="N106" s="205"/>
      <c r="O106" s="205"/>
      <c r="P106" s="205"/>
      <c r="Q106" s="205"/>
      <c r="R106" s="205"/>
      <c r="S106" s="205"/>
      <c r="T106" s="205"/>
      <c r="U106" s="205"/>
      <c r="V106" s="205"/>
      <c r="W106" s="205"/>
      <c r="X106" s="205"/>
      <c r="Y106" s="205"/>
      <c r="Z106" s="205"/>
      <c r="AA106" s="205"/>
      <c r="AB106" s="205"/>
      <c r="AC106" s="205"/>
      <c r="AD106" s="205"/>
      <c r="AE106" s="205"/>
      <c r="AF106" s="205"/>
    </row>
    <row r="107" spans="4:32" x14ac:dyDescent="0.55000000000000004">
      <c r="D107" s="205"/>
      <c r="E107" s="205"/>
      <c r="F107" s="205"/>
      <c r="G107" s="205"/>
      <c r="H107" s="205"/>
      <c r="I107" s="205"/>
      <c r="J107" s="205"/>
      <c r="K107" s="205"/>
      <c r="L107" s="205"/>
      <c r="M107" s="205"/>
      <c r="N107" s="205"/>
      <c r="O107" s="205"/>
      <c r="P107" s="205"/>
      <c r="Q107" s="205"/>
      <c r="R107" s="205"/>
      <c r="S107" s="205"/>
      <c r="T107" s="205"/>
      <c r="U107" s="205"/>
      <c r="V107" s="205"/>
      <c r="W107" s="205"/>
      <c r="X107" s="205"/>
      <c r="Y107" s="205"/>
      <c r="Z107" s="205"/>
      <c r="AA107" s="205"/>
      <c r="AB107" s="205"/>
      <c r="AC107" s="205"/>
      <c r="AD107" s="205"/>
      <c r="AE107" s="205"/>
      <c r="AF107" s="205"/>
    </row>
    <row r="108" spans="4:32" x14ac:dyDescent="0.55000000000000004">
      <c r="D108" s="205"/>
      <c r="E108" s="205"/>
      <c r="F108" s="205"/>
      <c r="G108" s="205"/>
      <c r="H108" s="205"/>
      <c r="I108" s="205"/>
      <c r="J108" s="205"/>
      <c r="K108" s="205"/>
      <c r="L108" s="205"/>
      <c r="M108" s="205"/>
      <c r="N108" s="205"/>
      <c r="O108" s="205"/>
      <c r="P108" s="205"/>
      <c r="Q108" s="205"/>
      <c r="R108" s="205"/>
      <c r="S108" s="205"/>
      <c r="T108" s="205"/>
      <c r="U108" s="205"/>
      <c r="V108" s="205"/>
      <c r="W108" s="205"/>
      <c r="X108" s="205"/>
      <c r="Y108" s="205"/>
      <c r="Z108" s="205"/>
      <c r="AA108" s="205"/>
      <c r="AB108" s="205"/>
      <c r="AC108" s="205"/>
      <c r="AD108" s="205"/>
      <c r="AE108" s="205"/>
      <c r="AF108" s="205"/>
    </row>
    <row r="109" spans="4:32" x14ac:dyDescent="0.55000000000000004">
      <c r="D109" s="205"/>
      <c r="E109" s="205"/>
      <c r="F109" s="205"/>
      <c r="G109" s="205"/>
      <c r="H109" s="205"/>
      <c r="I109" s="205"/>
      <c r="J109" s="205"/>
      <c r="K109" s="205"/>
      <c r="L109" s="205"/>
      <c r="M109" s="205"/>
      <c r="N109" s="205"/>
      <c r="O109" s="205"/>
      <c r="P109" s="205"/>
      <c r="Q109" s="205"/>
      <c r="R109" s="205"/>
      <c r="S109" s="205"/>
      <c r="T109" s="205"/>
      <c r="U109" s="205"/>
      <c r="V109" s="205"/>
      <c r="W109" s="205"/>
      <c r="X109" s="205"/>
      <c r="Y109" s="205"/>
      <c r="Z109" s="205"/>
      <c r="AA109" s="205"/>
      <c r="AB109" s="205"/>
      <c r="AC109" s="205"/>
      <c r="AD109" s="205"/>
      <c r="AE109" s="205"/>
      <c r="AF109" s="205"/>
    </row>
    <row r="110" spans="4:32" x14ac:dyDescent="0.55000000000000004">
      <c r="D110" s="205"/>
      <c r="E110" s="205"/>
      <c r="F110" s="205"/>
      <c r="G110" s="205"/>
      <c r="H110" s="205"/>
      <c r="I110" s="205"/>
      <c r="J110" s="205"/>
      <c r="K110" s="205"/>
      <c r="L110" s="205"/>
      <c r="M110" s="205"/>
      <c r="N110" s="205"/>
      <c r="O110" s="205"/>
      <c r="P110" s="205"/>
      <c r="Q110" s="205"/>
      <c r="R110" s="205"/>
      <c r="S110" s="205"/>
      <c r="T110" s="205"/>
      <c r="U110" s="205"/>
      <c r="V110" s="205"/>
      <c r="W110" s="205"/>
      <c r="X110" s="205"/>
      <c r="Y110" s="205"/>
      <c r="Z110" s="205"/>
      <c r="AA110" s="205"/>
      <c r="AB110" s="205"/>
      <c r="AC110" s="205"/>
      <c r="AD110" s="205"/>
      <c r="AE110" s="205"/>
      <c r="AF110" s="205"/>
    </row>
    <row r="111" spans="4:32" x14ac:dyDescent="0.55000000000000004">
      <c r="D111" s="205"/>
      <c r="E111" s="205"/>
      <c r="F111" s="205"/>
      <c r="G111" s="205"/>
      <c r="H111" s="205"/>
      <c r="I111" s="205"/>
      <c r="J111" s="205"/>
      <c r="K111" s="205"/>
      <c r="L111" s="205"/>
      <c r="M111" s="205"/>
      <c r="N111" s="205"/>
      <c r="O111" s="205"/>
      <c r="P111" s="205"/>
      <c r="Q111" s="205"/>
      <c r="R111" s="205"/>
      <c r="S111" s="205"/>
      <c r="T111" s="205"/>
      <c r="U111" s="205"/>
      <c r="V111" s="205"/>
      <c r="W111" s="205"/>
      <c r="X111" s="205"/>
      <c r="Y111" s="205"/>
      <c r="Z111" s="205"/>
      <c r="AA111" s="205"/>
      <c r="AB111" s="205"/>
      <c r="AC111" s="205"/>
      <c r="AD111" s="205"/>
      <c r="AE111" s="205"/>
      <c r="AF111" s="205"/>
    </row>
    <row r="112" spans="4:32" x14ac:dyDescent="0.55000000000000004">
      <c r="D112" s="205"/>
      <c r="E112" s="205"/>
      <c r="F112" s="205"/>
      <c r="G112" s="205"/>
      <c r="H112" s="205"/>
      <c r="I112" s="205"/>
      <c r="J112" s="205"/>
      <c r="K112" s="205"/>
      <c r="L112" s="205"/>
      <c r="M112" s="205"/>
      <c r="N112" s="205"/>
      <c r="O112" s="205"/>
      <c r="P112" s="205"/>
      <c r="Q112" s="205"/>
      <c r="R112" s="205"/>
      <c r="S112" s="205"/>
      <c r="T112" s="205"/>
      <c r="U112" s="205"/>
      <c r="V112" s="205"/>
      <c r="W112" s="205"/>
      <c r="X112" s="205"/>
      <c r="Y112" s="205"/>
      <c r="Z112" s="205"/>
      <c r="AA112" s="205"/>
      <c r="AB112" s="205"/>
      <c r="AC112" s="205"/>
      <c r="AD112" s="205"/>
      <c r="AE112" s="205"/>
      <c r="AF112" s="205"/>
    </row>
    <row r="113" spans="4:32" x14ac:dyDescent="0.55000000000000004">
      <c r="D113" s="205"/>
      <c r="E113" s="205"/>
      <c r="F113" s="205"/>
      <c r="G113" s="205"/>
      <c r="H113" s="205"/>
      <c r="I113" s="205"/>
      <c r="J113" s="205"/>
      <c r="K113" s="205"/>
      <c r="L113" s="205"/>
      <c r="M113" s="205"/>
      <c r="N113" s="205"/>
      <c r="O113" s="205"/>
      <c r="P113" s="205"/>
      <c r="Q113" s="205"/>
      <c r="R113" s="205"/>
      <c r="S113" s="205"/>
      <c r="T113" s="205"/>
      <c r="U113" s="205"/>
      <c r="V113" s="205"/>
      <c r="W113" s="205"/>
      <c r="X113" s="205"/>
      <c r="Y113" s="205"/>
      <c r="Z113" s="205"/>
      <c r="AA113" s="205"/>
      <c r="AB113" s="205"/>
      <c r="AC113" s="205"/>
      <c r="AD113" s="205"/>
      <c r="AE113" s="205"/>
      <c r="AF113" s="205"/>
    </row>
    <row r="114" spans="4:32" x14ac:dyDescent="0.55000000000000004">
      <c r="D114" s="205"/>
      <c r="E114" s="205"/>
      <c r="F114" s="205"/>
      <c r="G114" s="205"/>
      <c r="H114" s="205"/>
      <c r="I114" s="205"/>
      <c r="J114" s="205"/>
      <c r="K114" s="205"/>
      <c r="L114" s="205"/>
      <c r="M114" s="205"/>
      <c r="N114" s="205"/>
      <c r="O114" s="205"/>
      <c r="P114" s="205"/>
      <c r="Q114" s="205"/>
      <c r="R114" s="205"/>
      <c r="S114" s="205"/>
      <c r="T114" s="205"/>
      <c r="U114" s="205"/>
      <c r="V114" s="205"/>
      <c r="W114" s="205"/>
      <c r="X114" s="205"/>
      <c r="Y114" s="205"/>
      <c r="Z114" s="205"/>
      <c r="AA114" s="205"/>
      <c r="AB114" s="205"/>
      <c r="AC114" s="205"/>
      <c r="AD114" s="205"/>
      <c r="AE114" s="205"/>
      <c r="AF114" s="205"/>
    </row>
    <row r="115" spans="4:32" x14ac:dyDescent="0.55000000000000004">
      <c r="D115" s="205"/>
      <c r="E115" s="205"/>
      <c r="F115" s="205"/>
      <c r="G115" s="205"/>
      <c r="H115" s="205"/>
      <c r="I115" s="205"/>
      <c r="J115" s="205"/>
      <c r="K115" s="205"/>
      <c r="L115" s="205"/>
      <c r="M115" s="205"/>
      <c r="N115" s="205"/>
      <c r="O115" s="205"/>
      <c r="P115" s="205"/>
      <c r="Q115" s="205"/>
      <c r="R115" s="205"/>
      <c r="S115" s="205"/>
      <c r="T115" s="205"/>
      <c r="U115" s="205"/>
      <c r="V115" s="205"/>
      <c r="W115" s="205"/>
      <c r="X115" s="205"/>
      <c r="Y115" s="205"/>
      <c r="Z115" s="205"/>
      <c r="AA115" s="205"/>
      <c r="AB115" s="205"/>
      <c r="AC115" s="205"/>
      <c r="AD115" s="205"/>
      <c r="AE115" s="205"/>
      <c r="AF115" s="205"/>
    </row>
    <row r="116" spans="4:32" x14ac:dyDescent="0.55000000000000004">
      <c r="D116" s="205"/>
      <c r="E116" s="205"/>
      <c r="F116" s="205"/>
      <c r="G116" s="205"/>
      <c r="H116" s="205"/>
      <c r="I116" s="205"/>
      <c r="J116" s="205"/>
      <c r="K116" s="205"/>
      <c r="L116" s="205"/>
      <c r="M116" s="205"/>
      <c r="N116" s="205"/>
      <c r="O116" s="205"/>
      <c r="P116" s="205"/>
      <c r="Q116" s="205"/>
      <c r="R116" s="205"/>
      <c r="S116" s="205"/>
      <c r="T116" s="205"/>
      <c r="U116" s="205"/>
      <c r="V116" s="205"/>
      <c r="W116" s="205"/>
      <c r="X116" s="205"/>
      <c r="Y116" s="205"/>
      <c r="Z116" s="205"/>
      <c r="AA116" s="205"/>
      <c r="AB116" s="205"/>
      <c r="AC116" s="205"/>
      <c r="AD116" s="205"/>
      <c r="AE116" s="205"/>
      <c r="AF116" s="205"/>
    </row>
    <row r="117" spans="4:32" x14ac:dyDescent="0.55000000000000004">
      <c r="D117" s="205"/>
      <c r="E117" s="205"/>
      <c r="F117" s="205"/>
      <c r="G117" s="205"/>
      <c r="H117" s="205"/>
      <c r="I117" s="205"/>
      <c r="J117" s="205"/>
      <c r="K117" s="205"/>
      <c r="L117" s="205"/>
      <c r="M117" s="205"/>
      <c r="N117" s="205"/>
      <c r="O117" s="205"/>
      <c r="P117" s="205"/>
      <c r="Q117" s="205"/>
      <c r="R117" s="205"/>
      <c r="S117" s="205"/>
      <c r="T117" s="205"/>
      <c r="U117" s="205"/>
      <c r="V117" s="205"/>
      <c r="W117" s="205"/>
      <c r="X117" s="205"/>
      <c r="Y117" s="205"/>
      <c r="Z117" s="205"/>
      <c r="AA117" s="205"/>
      <c r="AB117" s="205"/>
      <c r="AC117" s="205"/>
      <c r="AD117" s="205"/>
      <c r="AE117" s="205"/>
      <c r="AF117" s="205"/>
    </row>
    <row r="118" spans="4:32" x14ac:dyDescent="0.55000000000000004">
      <c r="D118" s="205"/>
      <c r="E118" s="205"/>
      <c r="F118" s="205"/>
      <c r="G118" s="205"/>
      <c r="H118" s="205"/>
      <c r="I118" s="205"/>
      <c r="J118" s="205"/>
      <c r="K118" s="205"/>
      <c r="L118" s="205"/>
      <c r="M118" s="205"/>
      <c r="N118" s="205"/>
      <c r="O118" s="205"/>
      <c r="P118" s="205"/>
      <c r="Q118" s="205"/>
      <c r="R118" s="205"/>
      <c r="S118" s="205"/>
      <c r="T118" s="205"/>
      <c r="U118" s="205"/>
      <c r="V118" s="205"/>
      <c r="W118" s="205"/>
      <c r="X118" s="205"/>
      <c r="Y118" s="205"/>
      <c r="Z118" s="205"/>
      <c r="AA118" s="205"/>
      <c r="AB118" s="205"/>
      <c r="AC118" s="205"/>
      <c r="AD118" s="205"/>
      <c r="AE118" s="205"/>
      <c r="AF118" s="205"/>
    </row>
    <row r="119" spans="4:32" x14ac:dyDescent="0.55000000000000004">
      <c r="D119" s="205"/>
      <c r="E119" s="205"/>
      <c r="F119" s="205"/>
      <c r="G119" s="205"/>
      <c r="H119" s="205"/>
      <c r="I119" s="205"/>
      <c r="J119" s="205"/>
      <c r="K119" s="205"/>
      <c r="L119" s="205"/>
      <c r="M119" s="205"/>
      <c r="N119" s="205"/>
      <c r="O119" s="205"/>
      <c r="P119" s="205"/>
      <c r="Q119" s="205"/>
      <c r="R119" s="205"/>
      <c r="S119" s="205"/>
      <c r="T119" s="205"/>
      <c r="U119" s="205"/>
      <c r="V119" s="205"/>
      <c r="W119" s="205"/>
      <c r="X119" s="205"/>
      <c r="Y119" s="205"/>
      <c r="Z119" s="205"/>
      <c r="AA119" s="205"/>
      <c r="AB119" s="205"/>
      <c r="AC119" s="205"/>
      <c r="AD119" s="205"/>
      <c r="AE119" s="205"/>
      <c r="AF119" s="205"/>
    </row>
    <row r="120" spans="4:32" x14ac:dyDescent="0.55000000000000004">
      <c r="D120" s="205"/>
      <c r="E120" s="205"/>
      <c r="F120" s="205"/>
      <c r="G120" s="205"/>
      <c r="H120" s="205"/>
      <c r="I120" s="205"/>
      <c r="J120" s="205"/>
      <c r="K120" s="205"/>
      <c r="L120" s="205"/>
      <c r="M120" s="205"/>
      <c r="N120" s="205"/>
      <c r="O120" s="205"/>
      <c r="P120" s="205"/>
      <c r="Q120" s="205"/>
      <c r="R120" s="205"/>
      <c r="S120" s="205"/>
      <c r="T120" s="205"/>
      <c r="U120" s="205"/>
      <c r="V120" s="205"/>
      <c r="W120" s="205"/>
      <c r="X120" s="205"/>
      <c r="Y120" s="205"/>
      <c r="Z120" s="205"/>
      <c r="AA120" s="205"/>
      <c r="AB120" s="205"/>
      <c r="AC120" s="205"/>
      <c r="AD120" s="205"/>
      <c r="AE120" s="205"/>
      <c r="AF120" s="205"/>
    </row>
    <row r="121" spans="4:32" x14ac:dyDescent="0.55000000000000004">
      <c r="D121" s="205"/>
      <c r="E121" s="205"/>
      <c r="F121" s="205"/>
      <c r="G121" s="205"/>
      <c r="H121" s="205"/>
      <c r="I121" s="205"/>
      <c r="J121" s="205"/>
      <c r="K121" s="205"/>
      <c r="L121" s="205"/>
      <c r="M121" s="205"/>
      <c r="N121" s="205"/>
      <c r="O121" s="205"/>
      <c r="P121" s="205"/>
      <c r="Q121" s="205"/>
      <c r="R121" s="205"/>
      <c r="S121" s="205"/>
      <c r="T121" s="205"/>
      <c r="U121" s="205"/>
      <c r="V121" s="205"/>
      <c r="W121" s="205"/>
      <c r="X121" s="205"/>
      <c r="Y121" s="205"/>
      <c r="Z121" s="205"/>
      <c r="AA121" s="205"/>
      <c r="AB121" s="205"/>
      <c r="AC121" s="205"/>
      <c r="AD121" s="205"/>
      <c r="AE121" s="205"/>
      <c r="AF121" s="205"/>
    </row>
    <row r="122" spans="4:32" x14ac:dyDescent="0.55000000000000004">
      <c r="D122" s="205"/>
      <c r="E122" s="205"/>
      <c r="F122" s="205"/>
      <c r="G122" s="205"/>
      <c r="H122" s="205"/>
      <c r="I122" s="205"/>
      <c r="J122" s="205"/>
      <c r="K122" s="205"/>
      <c r="L122" s="205"/>
      <c r="M122" s="205"/>
      <c r="N122" s="205"/>
      <c r="O122" s="205"/>
      <c r="P122" s="205"/>
      <c r="Q122" s="205"/>
      <c r="R122" s="205"/>
      <c r="S122" s="205"/>
      <c r="T122" s="205"/>
      <c r="U122" s="205"/>
      <c r="V122" s="205"/>
      <c r="W122" s="205"/>
      <c r="X122" s="205"/>
      <c r="Y122" s="205"/>
      <c r="Z122" s="205"/>
      <c r="AA122" s="205"/>
      <c r="AB122" s="205"/>
      <c r="AC122" s="205"/>
      <c r="AD122" s="205"/>
      <c r="AE122" s="205"/>
      <c r="AF122" s="205"/>
    </row>
    <row r="123" spans="4:32" x14ac:dyDescent="0.55000000000000004">
      <c r="D123" s="205"/>
      <c r="E123" s="205"/>
      <c r="F123" s="205"/>
      <c r="G123" s="205"/>
      <c r="H123" s="205"/>
      <c r="I123" s="205"/>
      <c r="J123" s="205"/>
      <c r="K123" s="205"/>
      <c r="L123" s="205"/>
      <c r="M123" s="205"/>
      <c r="N123" s="205"/>
      <c r="O123" s="205"/>
      <c r="P123" s="205"/>
      <c r="Q123" s="205"/>
      <c r="R123" s="205"/>
      <c r="S123" s="205"/>
      <c r="T123" s="205"/>
      <c r="U123" s="205"/>
      <c r="V123" s="205"/>
      <c r="W123" s="205"/>
      <c r="X123" s="205"/>
      <c r="Y123" s="205"/>
      <c r="Z123" s="205"/>
      <c r="AA123" s="205"/>
      <c r="AB123" s="205"/>
      <c r="AC123" s="205"/>
      <c r="AD123" s="205"/>
      <c r="AE123" s="205"/>
      <c r="AF123" s="205"/>
    </row>
    <row r="124" spans="4:32" x14ac:dyDescent="0.55000000000000004">
      <c r="D124" s="205"/>
      <c r="E124" s="205"/>
      <c r="F124" s="205"/>
      <c r="G124" s="205"/>
      <c r="H124" s="205"/>
      <c r="I124" s="205"/>
      <c r="J124" s="205"/>
      <c r="K124" s="205"/>
      <c r="L124" s="205"/>
      <c r="M124" s="205"/>
      <c r="N124" s="205"/>
      <c r="O124" s="205"/>
      <c r="P124" s="205"/>
      <c r="Q124" s="205"/>
      <c r="R124" s="205"/>
      <c r="S124" s="205"/>
      <c r="T124" s="205"/>
      <c r="U124" s="205"/>
      <c r="V124" s="205"/>
      <c r="W124" s="205"/>
      <c r="X124" s="205"/>
      <c r="Y124" s="205"/>
      <c r="Z124" s="205"/>
      <c r="AA124" s="205"/>
      <c r="AB124" s="205"/>
      <c r="AC124" s="205"/>
      <c r="AD124" s="205"/>
      <c r="AE124" s="205"/>
      <c r="AF124" s="205"/>
    </row>
    <row r="125" spans="4:32" x14ac:dyDescent="0.55000000000000004">
      <c r="D125" s="205"/>
      <c r="E125" s="205"/>
      <c r="F125" s="205"/>
      <c r="G125" s="205"/>
      <c r="H125" s="205"/>
      <c r="I125" s="205"/>
      <c r="J125" s="205"/>
      <c r="K125" s="205"/>
      <c r="L125" s="205"/>
      <c r="M125" s="205"/>
      <c r="N125" s="205"/>
      <c r="O125" s="205"/>
      <c r="P125" s="205"/>
      <c r="Q125" s="205"/>
      <c r="R125" s="205"/>
      <c r="S125" s="205"/>
      <c r="T125" s="205"/>
      <c r="U125" s="205"/>
      <c r="V125" s="205"/>
      <c r="W125" s="205"/>
      <c r="X125" s="205"/>
      <c r="Y125" s="205"/>
      <c r="Z125" s="205"/>
      <c r="AA125" s="205"/>
      <c r="AB125" s="205"/>
      <c r="AC125" s="205"/>
      <c r="AD125" s="205"/>
      <c r="AE125" s="205"/>
      <c r="AF125" s="205"/>
    </row>
    <row r="126" spans="4:32" x14ac:dyDescent="0.55000000000000004">
      <c r="D126" s="205"/>
      <c r="E126" s="205"/>
      <c r="F126" s="205"/>
      <c r="G126" s="205"/>
      <c r="H126" s="205"/>
      <c r="I126" s="205"/>
      <c r="J126" s="205"/>
      <c r="K126" s="205"/>
      <c r="L126" s="205"/>
      <c r="M126" s="205"/>
      <c r="N126" s="205"/>
      <c r="O126" s="205"/>
      <c r="P126" s="205"/>
      <c r="Q126" s="205"/>
      <c r="R126" s="205"/>
      <c r="S126" s="205"/>
      <c r="T126" s="205"/>
      <c r="U126" s="205"/>
      <c r="V126" s="205"/>
      <c r="W126" s="205"/>
      <c r="X126" s="205"/>
      <c r="Y126" s="205"/>
      <c r="Z126" s="205"/>
      <c r="AA126" s="205"/>
      <c r="AB126" s="205"/>
      <c r="AC126" s="205"/>
      <c r="AD126" s="205"/>
      <c r="AE126" s="205"/>
      <c r="AF126" s="205"/>
    </row>
    <row r="127" spans="4:32" x14ac:dyDescent="0.55000000000000004">
      <c r="D127" s="205"/>
      <c r="E127" s="205"/>
      <c r="F127" s="205"/>
      <c r="G127" s="205"/>
      <c r="H127" s="205"/>
      <c r="I127" s="205"/>
      <c r="J127" s="205"/>
      <c r="K127" s="205"/>
      <c r="L127" s="205"/>
      <c r="M127" s="205"/>
      <c r="N127" s="205"/>
      <c r="O127" s="205"/>
      <c r="P127" s="205"/>
      <c r="Q127" s="205"/>
      <c r="R127" s="205"/>
      <c r="S127" s="205"/>
      <c r="T127" s="205"/>
      <c r="U127" s="205"/>
      <c r="V127" s="205"/>
      <c r="W127" s="205"/>
      <c r="X127" s="205"/>
      <c r="Y127" s="205"/>
      <c r="Z127" s="205"/>
      <c r="AA127" s="205"/>
      <c r="AB127" s="205"/>
      <c r="AC127" s="205"/>
      <c r="AD127" s="205"/>
      <c r="AE127" s="205"/>
      <c r="AF127" s="205"/>
    </row>
    <row r="128" spans="4:32" x14ac:dyDescent="0.55000000000000004">
      <c r="D128" s="205"/>
      <c r="E128" s="205"/>
      <c r="F128" s="205"/>
      <c r="G128" s="205"/>
      <c r="H128" s="205"/>
      <c r="I128" s="205"/>
      <c r="J128" s="205"/>
      <c r="K128" s="205"/>
      <c r="L128" s="205"/>
      <c r="M128" s="205"/>
      <c r="N128" s="205"/>
      <c r="O128" s="205"/>
      <c r="P128" s="205"/>
      <c r="Q128" s="205"/>
      <c r="R128" s="205"/>
      <c r="S128" s="205"/>
      <c r="T128" s="205"/>
      <c r="U128" s="205"/>
      <c r="V128" s="205"/>
      <c r="W128" s="205"/>
      <c r="X128" s="205"/>
      <c r="Y128" s="205"/>
      <c r="Z128" s="205"/>
      <c r="AA128" s="205"/>
      <c r="AB128" s="205"/>
      <c r="AC128" s="205"/>
      <c r="AD128" s="205"/>
      <c r="AE128" s="205"/>
      <c r="AF128" s="205"/>
    </row>
    <row r="129" spans="4:32" x14ac:dyDescent="0.55000000000000004">
      <c r="D129" s="205"/>
      <c r="E129" s="205"/>
      <c r="F129" s="205"/>
      <c r="G129" s="205"/>
      <c r="H129" s="205"/>
      <c r="I129" s="205"/>
      <c r="J129" s="205"/>
      <c r="K129" s="205"/>
      <c r="L129" s="205"/>
      <c r="M129" s="205"/>
      <c r="N129" s="205"/>
      <c r="O129" s="205"/>
      <c r="P129" s="205"/>
      <c r="Q129" s="205"/>
      <c r="R129" s="205"/>
      <c r="S129" s="205"/>
      <c r="T129" s="205"/>
      <c r="U129" s="205"/>
      <c r="V129" s="205"/>
      <c r="W129" s="205"/>
      <c r="X129" s="205"/>
      <c r="Y129" s="205"/>
      <c r="Z129" s="205"/>
      <c r="AA129" s="205"/>
      <c r="AB129" s="205"/>
      <c r="AC129" s="205"/>
      <c r="AD129" s="205"/>
      <c r="AE129" s="205"/>
      <c r="AF129" s="205"/>
    </row>
    <row r="130" spans="4:32" x14ac:dyDescent="0.55000000000000004">
      <c r="D130" s="205"/>
      <c r="E130" s="205"/>
      <c r="F130" s="205"/>
      <c r="G130" s="205"/>
      <c r="H130" s="205"/>
      <c r="I130" s="205"/>
      <c r="J130" s="205"/>
      <c r="K130" s="205"/>
      <c r="L130" s="205"/>
      <c r="M130" s="205"/>
      <c r="N130" s="205"/>
      <c r="O130" s="205"/>
      <c r="P130" s="205"/>
      <c r="Q130" s="205"/>
      <c r="R130" s="205"/>
      <c r="S130" s="205"/>
      <c r="T130" s="205"/>
      <c r="U130" s="205"/>
      <c r="V130" s="205"/>
      <c r="W130" s="205"/>
      <c r="X130" s="205"/>
      <c r="Y130" s="205"/>
      <c r="Z130" s="205"/>
      <c r="AA130" s="205"/>
      <c r="AB130" s="205"/>
      <c r="AC130" s="205"/>
      <c r="AD130" s="205"/>
      <c r="AE130" s="205"/>
      <c r="AF130" s="205"/>
    </row>
    <row r="131" spans="4:32" x14ac:dyDescent="0.55000000000000004">
      <c r="D131" s="205"/>
      <c r="E131" s="205"/>
      <c r="F131" s="205"/>
      <c r="G131" s="205"/>
      <c r="H131" s="205"/>
      <c r="I131" s="205"/>
      <c r="J131" s="205"/>
      <c r="K131" s="205"/>
      <c r="L131" s="205"/>
      <c r="M131" s="205"/>
      <c r="N131" s="205"/>
      <c r="O131" s="205"/>
      <c r="P131" s="205"/>
      <c r="Q131" s="205"/>
      <c r="R131" s="205"/>
      <c r="S131" s="205"/>
      <c r="T131" s="205"/>
      <c r="U131" s="205"/>
      <c r="V131" s="205"/>
      <c r="W131" s="205"/>
      <c r="X131" s="205"/>
      <c r="Y131" s="205"/>
      <c r="Z131" s="205"/>
      <c r="AA131" s="205"/>
      <c r="AB131" s="205"/>
      <c r="AC131" s="205"/>
      <c r="AD131" s="205"/>
      <c r="AE131" s="205"/>
      <c r="AF131" s="205"/>
    </row>
    <row r="132" spans="4:32" x14ac:dyDescent="0.55000000000000004">
      <c r="D132" s="205"/>
      <c r="E132" s="205"/>
      <c r="F132" s="205"/>
      <c r="G132" s="205"/>
      <c r="H132" s="205"/>
      <c r="I132" s="205"/>
      <c r="J132" s="205"/>
      <c r="K132" s="205"/>
      <c r="L132" s="205"/>
      <c r="M132" s="205"/>
      <c r="N132" s="205"/>
      <c r="O132" s="205"/>
      <c r="P132" s="205"/>
      <c r="Q132" s="205"/>
      <c r="R132" s="205"/>
      <c r="S132" s="205"/>
      <c r="T132" s="205"/>
      <c r="U132" s="205"/>
      <c r="V132" s="205"/>
      <c r="W132" s="205"/>
      <c r="X132" s="205"/>
      <c r="Y132" s="205"/>
      <c r="Z132" s="205"/>
      <c r="AA132" s="205"/>
      <c r="AB132" s="205"/>
      <c r="AC132" s="205"/>
      <c r="AD132" s="205"/>
      <c r="AE132" s="205"/>
      <c r="AF132" s="205"/>
    </row>
    <row r="133" spans="4:32" x14ac:dyDescent="0.55000000000000004">
      <c r="D133" s="205"/>
      <c r="E133" s="205"/>
      <c r="F133" s="205"/>
      <c r="G133" s="205"/>
      <c r="H133" s="205"/>
      <c r="I133" s="205"/>
      <c r="J133" s="205"/>
      <c r="K133" s="205"/>
      <c r="L133" s="205"/>
      <c r="M133" s="205"/>
      <c r="N133" s="205"/>
      <c r="O133" s="205"/>
      <c r="P133" s="205"/>
      <c r="Q133" s="205"/>
      <c r="R133" s="205"/>
      <c r="S133" s="205"/>
      <c r="T133" s="205"/>
      <c r="U133" s="205"/>
      <c r="V133" s="205"/>
      <c r="W133" s="205"/>
      <c r="X133" s="205"/>
      <c r="Y133" s="205"/>
      <c r="Z133" s="205"/>
      <c r="AA133" s="205"/>
      <c r="AB133" s="205"/>
      <c r="AC133" s="205"/>
      <c r="AD133" s="205"/>
      <c r="AE133" s="205"/>
      <c r="AF133" s="205"/>
    </row>
    <row r="134" spans="4:32" x14ac:dyDescent="0.55000000000000004">
      <c r="D134" s="205"/>
      <c r="E134" s="205"/>
      <c r="F134" s="205"/>
      <c r="G134" s="205"/>
      <c r="H134" s="205"/>
      <c r="I134" s="205"/>
      <c r="J134" s="205"/>
      <c r="K134" s="205"/>
      <c r="L134" s="205"/>
      <c r="M134" s="205"/>
      <c r="N134" s="205"/>
      <c r="O134" s="205"/>
      <c r="P134" s="205"/>
      <c r="Q134" s="205"/>
      <c r="R134" s="205"/>
      <c r="S134" s="205"/>
      <c r="T134" s="205"/>
      <c r="U134" s="205"/>
      <c r="V134" s="205"/>
      <c r="W134" s="205"/>
      <c r="X134" s="205"/>
      <c r="Y134" s="205"/>
      <c r="Z134" s="205"/>
      <c r="AA134" s="205"/>
      <c r="AB134" s="205"/>
      <c r="AC134" s="205"/>
      <c r="AD134" s="205"/>
      <c r="AE134" s="205"/>
      <c r="AF134" s="205"/>
    </row>
    <row r="135" spans="4:32" x14ac:dyDescent="0.55000000000000004">
      <c r="D135" s="205"/>
      <c r="E135" s="205"/>
      <c r="F135" s="205"/>
      <c r="G135" s="205"/>
      <c r="H135" s="205"/>
      <c r="I135" s="205"/>
      <c r="J135" s="205"/>
      <c r="K135" s="205"/>
      <c r="L135" s="205"/>
      <c r="M135" s="205"/>
      <c r="N135" s="205"/>
      <c r="O135" s="205"/>
      <c r="P135" s="205"/>
      <c r="Q135" s="205"/>
      <c r="R135" s="205"/>
      <c r="S135" s="205"/>
      <c r="T135" s="205"/>
      <c r="U135" s="205"/>
      <c r="V135" s="205"/>
      <c r="W135" s="205"/>
      <c r="X135" s="205"/>
      <c r="Y135" s="205"/>
      <c r="Z135" s="205"/>
      <c r="AA135" s="205"/>
      <c r="AB135" s="205"/>
      <c r="AC135" s="205"/>
      <c r="AD135" s="205"/>
      <c r="AE135" s="205"/>
      <c r="AF135" s="205"/>
    </row>
    <row r="136" spans="4:32" x14ac:dyDescent="0.55000000000000004">
      <c r="D136" s="205"/>
      <c r="E136" s="205"/>
      <c r="F136" s="205"/>
      <c r="G136" s="205"/>
      <c r="H136" s="205"/>
      <c r="I136" s="205"/>
      <c r="J136" s="205"/>
      <c r="K136" s="205"/>
      <c r="L136" s="205"/>
      <c r="M136" s="205"/>
      <c r="N136" s="205"/>
      <c r="O136" s="205"/>
      <c r="P136" s="205"/>
      <c r="Q136" s="205"/>
      <c r="R136" s="205"/>
      <c r="S136" s="205"/>
      <c r="T136" s="205"/>
      <c r="U136" s="205"/>
      <c r="V136" s="205"/>
      <c r="W136" s="205"/>
      <c r="X136" s="205"/>
      <c r="Y136" s="205"/>
      <c r="Z136" s="205"/>
      <c r="AA136" s="205"/>
      <c r="AB136" s="205"/>
      <c r="AC136" s="205"/>
      <c r="AD136" s="205"/>
      <c r="AE136" s="205"/>
      <c r="AF136" s="205"/>
    </row>
    <row r="137" spans="4:32" x14ac:dyDescent="0.55000000000000004">
      <c r="D137" s="205"/>
      <c r="E137" s="205"/>
      <c r="F137" s="205"/>
      <c r="G137" s="205"/>
      <c r="H137" s="205"/>
      <c r="I137" s="205"/>
      <c r="J137" s="205"/>
      <c r="K137" s="205"/>
      <c r="L137" s="205"/>
      <c r="M137" s="205"/>
      <c r="N137" s="205"/>
      <c r="O137" s="205"/>
      <c r="P137" s="205"/>
      <c r="Q137" s="205"/>
      <c r="R137" s="205"/>
      <c r="S137" s="205"/>
      <c r="T137" s="205"/>
      <c r="U137" s="205"/>
      <c r="V137" s="205"/>
      <c r="W137" s="205"/>
      <c r="X137" s="205"/>
      <c r="Y137" s="205"/>
      <c r="Z137" s="205"/>
      <c r="AA137" s="205"/>
      <c r="AB137" s="205"/>
      <c r="AC137" s="205"/>
      <c r="AD137" s="205"/>
      <c r="AE137" s="205"/>
      <c r="AF137" s="205"/>
    </row>
    <row r="138" spans="4:32" x14ac:dyDescent="0.55000000000000004">
      <c r="D138" s="205"/>
      <c r="E138" s="205"/>
      <c r="F138" s="205"/>
      <c r="G138" s="205"/>
      <c r="H138" s="205"/>
      <c r="I138" s="205"/>
      <c r="J138" s="205"/>
      <c r="K138" s="205"/>
      <c r="L138" s="205"/>
      <c r="M138" s="205"/>
      <c r="N138" s="205"/>
      <c r="O138" s="205"/>
      <c r="P138" s="205"/>
      <c r="Q138" s="205"/>
      <c r="R138" s="205"/>
      <c r="S138" s="205"/>
      <c r="T138" s="205"/>
      <c r="U138" s="205"/>
      <c r="V138" s="205"/>
      <c r="W138" s="205"/>
      <c r="X138" s="205"/>
      <c r="Y138" s="205"/>
      <c r="Z138" s="205"/>
      <c r="AA138" s="205"/>
      <c r="AB138" s="205"/>
      <c r="AC138" s="205"/>
      <c r="AD138" s="205"/>
      <c r="AE138" s="205"/>
      <c r="AF138" s="205"/>
    </row>
    <row r="139" spans="4:32" x14ac:dyDescent="0.55000000000000004">
      <c r="D139" s="205"/>
      <c r="E139" s="205"/>
      <c r="F139" s="205"/>
      <c r="G139" s="205"/>
      <c r="H139" s="205"/>
      <c r="I139" s="205"/>
      <c r="J139" s="205"/>
      <c r="K139" s="205"/>
      <c r="L139" s="205"/>
      <c r="M139" s="205"/>
      <c r="N139" s="205"/>
      <c r="O139" s="205"/>
      <c r="P139" s="205"/>
      <c r="Q139" s="205"/>
      <c r="R139" s="205"/>
      <c r="S139" s="205"/>
      <c r="T139" s="205"/>
      <c r="U139" s="205"/>
      <c r="V139" s="205"/>
      <c r="W139" s="205"/>
      <c r="X139" s="205"/>
      <c r="Y139" s="205"/>
      <c r="Z139" s="205"/>
      <c r="AA139" s="205"/>
      <c r="AB139" s="205"/>
      <c r="AC139" s="205"/>
      <c r="AD139" s="205"/>
      <c r="AE139" s="205"/>
      <c r="AF139" s="205"/>
    </row>
    <row r="140" spans="4:32" x14ac:dyDescent="0.55000000000000004">
      <c r="D140" s="205"/>
      <c r="E140" s="205"/>
      <c r="F140" s="205"/>
      <c r="G140" s="205"/>
      <c r="H140" s="205"/>
      <c r="I140" s="205"/>
      <c r="J140" s="205"/>
      <c r="K140" s="205"/>
      <c r="L140" s="205"/>
      <c r="M140" s="205"/>
      <c r="N140" s="205"/>
      <c r="O140" s="205"/>
      <c r="P140" s="205"/>
      <c r="Q140" s="205"/>
      <c r="R140" s="205"/>
      <c r="S140" s="205"/>
      <c r="T140" s="205"/>
      <c r="U140" s="205"/>
      <c r="V140" s="205"/>
      <c r="W140" s="205"/>
      <c r="X140" s="205"/>
      <c r="Y140" s="205"/>
      <c r="Z140" s="205"/>
      <c r="AA140" s="205"/>
      <c r="AB140" s="205"/>
      <c r="AC140" s="205"/>
      <c r="AD140" s="205"/>
      <c r="AE140" s="205"/>
      <c r="AF140" s="205"/>
    </row>
    <row r="141" spans="4:32" x14ac:dyDescent="0.55000000000000004">
      <c r="D141" s="205"/>
      <c r="E141" s="205"/>
      <c r="F141" s="205"/>
      <c r="G141" s="205"/>
      <c r="H141" s="205"/>
      <c r="I141" s="205"/>
      <c r="J141" s="205"/>
      <c r="K141" s="205"/>
      <c r="L141" s="205"/>
      <c r="M141" s="205"/>
      <c r="N141" s="205"/>
      <c r="O141" s="205"/>
      <c r="P141" s="205"/>
      <c r="Q141" s="205"/>
      <c r="R141" s="205"/>
      <c r="S141" s="205"/>
      <c r="T141" s="205"/>
      <c r="U141" s="205"/>
      <c r="V141" s="205"/>
      <c r="W141" s="205"/>
      <c r="X141" s="205"/>
      <c r="Y141" s="205"/>
      <c r="Z141" s="205"/>
      <c r="AA141" s="205"/>
      <c r="AB141" s="205"/>
      <c r="AC141" s="205"/>
      <c r="AD141" s="205"/>
      <c r="AE141" s="205"/>
      <c r="AF141" s="205"/>
    </row>
    <row r="142" spans="4:32" x14ac:dyDescent="0.55000000000000004">
      <c r="D142" s="205"/>
      <c r="E142" s="205"/>
      <c r="F142" s="205"/>
      <c r="G142" s="205"/>
      <c r="H142" s="205"/>
      <c r="I142" s="205"/>
      <c r="J142" s="205"/>
      <c r="K142" s="205"/>
      <c r="L142" s="205"/>
      <c r="M142" s="205"/>
      <c r="N142" s="205"/>
      <c r="O142" s="205"/>
      <c r="P142" s="205"/>
      <c r="Q142" s="205"/>
      <c r="R142" s="205"/>
      <c r="S142" s="205"/>
      <c r="T142" s="205"/>
      <c r="U142" s="205"/>
      <c r="V142" s="205"/>
      <c r="W142" s="205"/>
      <c r="X142" s="205"/>
      <c r="Y142" s="205"/>
      <c r="Z142" s="205"/>
      <c r="AA142" s="205"/>
      <c r="AB142" s="205"/>
      <c r="AC142" s="205"/>
      <c r="AD142" s="205"/>
      <c r="AE142" s="205"/>
      <c r="AF142" s="205"/>
    </row>
    <row r="143" spans="4:32" x14ac:dyDescent="0.55000000000000004">
      <c r="D143" s="205"/>
      <c r="E143" s="205"/>
      <c r="F143" s="205"/>
      <c r="G143" s="205"/>
      <c r="H143" s="205"/>
      <c r="I143" s="205"/>
      <c r="J143" s="205"/>
      <c r="K143" s="205"/>
      <c r="L143" s="205"/>
      <c r="M143" s="205"/>
      <c r="N143" s="205"/>
      <c r="O143" s="205"/>
      <c r="P143" s="205"/>
      <c r="Q143" s="205"/>
      <c r="R143" s="205"/>
      <c r="S143" s="205"/>
      <c r="T143" s="205"/>
      <c r="U143" s="205"/>
      <c r="V143" s="205"/>
      <c r="W143" s="205"/>
      <c r="X143" s="205"/>
      <c r="Y143" s="205"/>
      <c r="Z143" s="205"/>
      <c r="AA143" s="205"/>
      <c r="AB143" s="205"/>
      <c r="AC143" s="205"/>
      <c r="AD143" s="205"/>
      <c r="AE143" s="205"/>
      <c r="AF143" s="205"/>
    </row>
    <row r="144" spans="4:32" x14ac:dyDescent="0.55000000000000004">
      <c r="D144" s="205"/>
      <c r="E144" s="205"/>
      <c r="F144" s="205"/>
      <c r="G144" s="205"/>
      <c r="H144" s="205"/>
      <c r="I144" s="205"/>
      <c r="J144" s="205"/>
      <c r="K144" s="205"/>
      <c r="L144" s="205"/>
      <c r="M144" s="205"/>
      <c r="N144" s="205"/>
      <c r="O144" s="205"/>
      <c r="P144" s="205"/>
      <c r="Q144" s="205"/>
      <c r="R144" s="205"/>
      <c r="S144" s="205"/>
      <c r="T144" s="205"/>
      <c r="U144" s="205"/>
      <c r="V144" s="205"/>
      <c r="W144" s="205"/>
      <c r="X144" s="205"/>
      <c r="Y144" s="205"/>
      <c r="Z144" s="205"/>
      <c r="AA144" s="205"/>
      <c r="AB144" s="205"/>
      <c r="AC144" s="205"/>
      <c r="AD144" s="205"/>
      <c r="AE144" s="205"/>
      <c r="AF144" s="205"/>
    </row>
    <row r="145" spans="4:32" x14ac:dyDescent="0.55000000000000004">
      <c r="D145" s="205"/>
      <c r="E145" s="205"/>
      <c r="F145" s="205"/>
      <c r="G145" s="205"/>
      <c r="H145" s="205"/>
      <c r="I145" s="205"/>
      <c r="J145" s="205"/>
      <c r="K145" s="205"/>
      <c r="L145" s="205"/>
      <c r="M145" s="205"/>
      <c r="N145" s="205"/>
      <c r="O145" s="205"/>
      <c r="P145" s="205"/>
      <c r="Q145" s="205"/>
      <c r="R145" s="205"/>
      <c r="S145" s="205"/>
      <c r="T145" s="205"/>
      <c r="U145" s="205"/>
      <c r="V145" s="205"/>
      <c r="W145" s="205"/>
      <c r="X145" s="205"/>
      <c r="Y145" s="205"/>
      <c r="Z145" s="205"/>
      <c r="AA145" s="205"/>
      <c r="AB145" s="205"/>
      <c r="AC145" s="205"/>
      <c r="AD145" s="205"/>
      <c r="AE145" s="205"/>
      <c r="AF145" s="205"/>
    </row>
    <row r="146" spans="4:32" x14ac:dyDescent="0.55000000000000004">
      <c r="D146" s="205"/>
      <c r="E146" s="205"/>
      <c r="F146" s="205"/>
      <c r="G146" s="205"/>
      <c r="H146" s="205"/>
      <c r="I146" s="205"/>
      <c r="J146" s="205"/>
      <c r="K146" s="205"/>
      <c r="L146" s="205"/>
      <c r="M146" s="205"/>
      <c r="N146" s="205"/>
      <c r="O146" s="205"/>
      <c r="P146" s="205"/>
      <c r="Q146" s="205"/>
      <c r="R146" s="205"/>
      <c r="S146" s="205"/>
      <c r="T146" s="205"/>
      <c r="U146" s="205"/>
      <c r="V146" s="205"/>
      <c r="W146" s="205"/>
      <c r="X146" s="205"/>
      <c r="Y146" s="205"/>
      <c r="Z146" s="205"/>
      <c r="AA146" s="205"/>
      <c r="AB146" s="205"/>
      <c r="AC146" s="205"/>
      <c r="AD146" s="205"/>
      <c r="AE146" s="205"/>
      <c r="AF146" s="205"/>
    </row>
    <row r="147" spans="4:32" x14ac:dyDescent="0.55000000000000004">
      <c r="D147" s="205"/>
      <c r="E147" s="205"/>
      <c r="F147" s="205"/>
      <c r="G147" s="205"/>
      <c r="H147" s="205"/>
      <c r="I147" s="205"/>
      <c r="J147" s="205"/>
      <c r="K147" s="205"/>
      <c r="L147" s="205"/>
      <c r="M147" s="205"/>
      <c r="N147" s="205"/>
      <c r="O147" s="205"/>
      <c r="P147" s="205"/>
      <c r="Q147" s="205"/>
      <c r="R147" s="205"/>
      <c r="S147" s="205"/>
      <c r="T147" s="205"/>
      <c r="U147" s="205"/>
      <c r="V147" s="205"/>
      <c r="W147" s="205"/>
      <c r="X147" s="205"/>
      <c r="Y147" s="205"/>
      <c r="Z147" s="205"/>
      <c r="AA147" s="205"/>
      <c r="AB147" s="205"/>
      <c r="AC147" s="205"/>
      <c r="AD147" s="205"/>
      <c r="AE147" s="205"/>
      <c r="AF147" s="205"/>
    </row>
    <row r="148" spans="4:32" x14ac:dyDescent="0.55000000000000004">
      <c r="D148" s="205"/>
      <c r="E148" s="205"/>
      <c r="F148" s="205"/>
      <c r="G148" s="205"/>
      <c r="H148" s="205"/>
      <c r="I148" s="205"/>
      <c r="J148" s="205"/>
      <c r="K148" s="205"/>
      <c r="L148" s="205"/>
      <c r="M148" s="205"/>
      <c r="N148" s="205"/>
      <c r="O148" s="205"/>
      <c r="P148" s="205"/>
      <c r="Q148" s="205"/>
      <c r="R148" s="205"/>
      <c r="S148" s="205"/>
      <c r="T148" s="205"/>
      <c r="U148" s="205"/>
      <c r="V148" s="205"/>
      <c r="W148" s="205"/>
      <c r="X148" s="205"/>
      <c r="Y148" s="205"/>
      <c r="Z148" s="205"/>
      <c r="AA148" s="205"/>
      <c r="AB148" s="205"/>
      <c r="AC148" s="205"/>
      <c r="AD148" s="205"/>
      <c r="AE148" s="205"/>
      <c r="AF148" s="205"/>
    </row>
    <row r="149" spans="4:32" x14ac:dyDescent="0.55000000000000004">
      <c r="D149" s="205"/>
      <c r="E149" s="205"/>
      <c r="F149" s="205"/>
      <c r="G149" s="205"/>
      <c r="H149" s="205"/>
      <c r="I149" s="205"/>
      <c r="J149" s="205"/>
      <c r="K149" s="205"/>
      <c r="L149" s="205"/>
      <c r="M149" s="205"/>
      <c r="N149" s="205"/>
      <c r="O149" s="205"/>
      <c r="P149" s="205"/>
      <c r="Q149" s="205"/>
      <c r="R149" s="205"/>
      <c r="S149" s="205"/>
      <c r="T149" s="205"/>
      <c r="U149" s="205"/>
      <c r="V149" s="205"/>
      <c r="W149" s="205"/>
      <c r="X149" s="205"/>
      <c r="Y149" s="205"/>
      <c r="Z149" s="205"/>
      <c r="AA149" s="205"/>
      <c r="AB149" s="205"/>
      <c r="AC149" s="205"/>
      <c r="AD149" s="205"/>
      <c r="AE149" s="205"/>
      <c r="AF149" s="205"/>
    </row>
    <row r="150" spans="4:32" x14ac:dyDescent="0.55000000000000004">
      <c r="D150" s="205"/>
      <c r="E150" s="205"/>
      <c r="F150" s="205"/>
      <c r="G150" s="205"/>
      <c r="H150" s="205"/>
      <c r="I150" s="205"/>
      <c r="J150" s="205"/>
      <c r="K150" s="205"/>
      <c r="L150" s="205"/>
      <c r="M150" s="205"/>
      <c r="N150" s="205"/>
      <c r="O150" s="205"/>
      <c r="P150" s="205"/>
      <c r="Q150" s="205"/>
      <c r="R150" s="205"/>
      <c r="S150" s="205"/>
      <c r="T150" s="205"/>
      <c r="U150" s="205"/>
      <c r="V150" s="205"/>
      <c r="W150" s="205"/>
      <c r="X150" s="205"/>
      <c r="Y150" s="205"/>
      <c r="Z150" s="205"/>
      <c r="AA150" s="205"/>
      <c r="AB150" s="205"/>
      <c r="AC150" s="205"/>
      <c r="AD150" s="205"/>
      <c r="AE150" s="205"/>
      <c r="AF150" s="205"/>
    </row>
    <row r="151" spans="4:32" x14ac:dyDescent="0.55000000000000004">
      <c r="D151" s="205"/>
      <c r="E151" s="205"/>
      <c r="F151" s="205"/>
      <c r="G151" s="205"/>
      <c r="H151" s="205"/>
      <c r="I151" s="205"/>
      <c r="J151" s="205"/>
      <c r="K151" s="205"/>
      <c r="L151" s="205"/>
      <c r="M151" s="205"/>
      <c r="N151" s="205"/>
      <c r="O151" s="205"/>
      <c r="P151" s="205"/>
      <c r="Q151" s="205"/>
      <c r="R151" s="205"/>
      <c r="S151" s="205"/>
      <c r="T151" s="205"/>
      <c r="U151" s="205"/>
      <c r="V151" s="205"/>
      <c r="W151" s="205"/>
      <c r="X151" s="205"/>
      <c r="Y151" s="205"/>
      <c r="Z151" s="205"/>
      <c r="AA151" s="205"/>
      <c r="AB151" s="205"/>
      <c r="AC151" s="205"/>
      <c r="AD151" s="205"/>
      <c r="AE151" s="205"/>
      <c r="AF151" s="205"/>
    </row>
    <row r="152" spans="4:32" x14ac:dyDescent="0.55000000000000004">
      <c r="D152" s="205"/>
      <c r="E152" s="205"/>
      <c r="F152" s="205"/>
      <c r="G152" s="205"/>
      <c r="H152" s="205"/>
      <c r="I152" s="205"/>
      <c r="J152" s="205"/>
      <c r="K152" s="205"/>
      <c r="L152" s="205"/>
      <c r="M152" s="205"/>
      <c r="N152" s="205"/>
      <c r="O152" s="205"/>
      <c r="P152" s="205"/>
      <c r="Q152" s="205"/>
      <c r="R152" s="205"/>
      <c r="S152" s="205"/>
      <c r="T152" s="205"/>
      <c r="U152" s="205"/>
      <c r="V152" s="205"/>
      <c r="W152" s="205"/>
      <c r="X152" s="205"/>
      <c r="Y152" s="205"/>
      <c r="Z152" s="205"/>
      <c r="AA152" s="205"/>
      <c r="AB152" s="205"/>
      <c r="AC152" s="205"/>
      <c r="AD152" s="205"/>
      <c r="AE152" s="205"/>
      <c r="AF152" s="205"/>
    </row>
    <row r="153" spans="4:32" x14ac:dyDescent="0.55000000000000004">
      <c r="D153" s="205"/>
      <c r="E153" s="205"/>
      <c r="F153" s="205"/>
      <c r="G153" s="205"/>
      <c r="H153" s="205"/>
      <c r="I153" s="205"/>
      <c r="J153" s="205"/>
      <c r="K153" s="205"/>
      <c r="L153" s="205"/>
      <c r="M153" s="205"/>
      <c r="N153" s="205"/>
      <c r="O153" s="205"/>
      <c r="P153" s="205"/>
      <c r="Q153" s="205"/>
      <c r="R153" s="205"/>
      <c r="S153" s="205"/>
      <c r="T153" s="205"/>
      <c r="U153" s="205"/>
      <c r="V153" s="205"/>
      <c r="W153" s="205"/>
      <c r="X153" s="205"/>
      <c r="Y153" s="205"/>
      <c r="Z153" s="205"/>
      <c r="AA153" s="205"/>
      <c r="AB153" s="205"/>
      <c r="AC153" s="205"/>
      <c r="AD153" s="205"/>
      <c r="AE153" s="205"/>
      <c r="AF153" s="205"/>
    </row>
    <row r="154" spans="4:32" x14ac:dyDescent="0.55000000000000004">
      <c r="D154" s="205"/>
      <c r="E154" s="205"/>
      <c r="F154" s="205"/>
      <c r="G154" s="205"/>
      <c r="H154" s="205"/>
      <c r="I154" s="205"/>
      <c r="J154" s="205"/>
      <c r="K154" s="205"/>
      <c r="L154" s="205"/>
      <c r="M154" s="205"/>
      <c r="N154" s="205"/>
      <c r="O154" s="205"/>
      <c r="P154" s="205"/>
      <c r="Q154" s="205"/>
      <c r="R154" s="205"/>
      <c r="S154" s="205"/>
      <c r="T154" s="205"/>
      <c r="U154" s="205"/>
      <c r="V154" s="205"/>
      <c r="W154" s="205"/>
      <c r="X154" s="205"/>
      <c r="Y154" s="205"/>
      <c r="Z154" s="205"/>
      <c r="AA154" s="205"/>
      <c r="AB154" s="205"/>
      <c r="AC154" s="205"/>
      <c r="AD154" s="205"/>
      <c r="AE154" s="205"/>
      <c r="AF154" s="205"/>
    </row>
    <row r="155" spans="4:32" x14ac:dyDescent="0.55000000000000004">
      <c r="D155" s="205"/>
      <c r="E155" s="205"/>
      <c r="F155" s="205"/>
      <c r="G155" s="205"/>
      <c r="H155" s="205"/>
      <c r="I155" s="205"/>
      <c r="J155" s="205"/>
      <c r="K155" s="205"/>
      <c r="L155" s="205"/>
      <c r="M155" s="205"/>
      <c r="N155" s="205"/>
      <c r="O155" s="205"/>
      <c r="P155" s="205"/>
      <c r="Q155" s="205"/>
      <c r="R155" s="205"/>
      <c r="S155" s="205"/>
      <c r="T155" s="205"/>
      <c r="U155" s="205"/>
      <c r="V155" s="205"/>
      <c r="W155" s="205"/>
      <c r="X155" s="205"/>
      <c r="Y155" s="205"/>
      <c r="Z155" s="205"/>
      <c r="AA155" s="205"/>
      <c r="AB155" s="205"/>
      <c r="AC155" s="205"/>
      <c r="AD155" s="205"/>
      <c r="AE155" s="205"/>
      <c r="AF155" s="205"/>
    </row>
    <row r="156" spans="4:32" x14ac:dyDescent="0.55000000000000004">
      <c r="D156" s="205"/>
      <c r="E156" s="205"/>
      <c r="F156" s="205"/>
      <c r="G156" s="205"/>
      <c r="H156" s="205"/>
      <c r="I156" s="205"/>
      <c r="J156" s="205"/>
      <c r="K156" s="205"/>
      <c r="L156" s="205"/>
      <c r="M156" s="205"/>
      <c r="N156" s="205"/>
      <c r="O156" s="205"/>
      <c r="P156" s="205"/>
      <c r="Q156" s="205"/>
      <c r="R156" s="205"/>
      <c r="S156" s="205"/>
      <c r="T156" s="205"/>
      <c r="U156" s="205"/>
      <c r="V156" s="205"/>
      <c r="W156" s="205"/>
      <c r="X156" s="205"/>
      <c r="Y156" s="205"/>
      <c r="Z156" s="205"/>
      <c r="AA156" s="205"/>
      <c r="AB156" s="205"/>
      <c r="AC156" s="205"/>
      <c r="AD156" s="205"/>
      <c r="AE156" s="205"/>
      <c r="AF156" s="205"/>
    </row>
    <row r="157" spans="4:32" x14ac:dyDescent="0.55000000000000004">
      <c r="D157" s="205"/>
      <c r="E157" s="205"/>
      <c r="F157" s="205"/>
      <c r="G157" s="205"/>
      <c r="H157" s="205"/>
      <c r="I157" s="205"/>
      <c r="J157" s="205"/>
      <c r="K157" s="205"/>
      <c r="L157" s="205"/>
      <c r="M157" s="205"/>
      <c r="N157" s="205"/>
      <c r="O157" s="205"/>
      <c r="P157" s="205"/>
      <c r="Q157" s="205"/>
      <c r="R157" s="205"/>
      <c r="S157" s="205"/>
      <c r="T157" s="205"/>
      <c r="U157" s="205"/>
      <c r="V157" s="205"/>
      <c r="W157" s="205"/>
      <c r="X157" s="205"/>
      <c r="Y157" s="205"/>
      <c r="Z157" s="205"/>
      <c r="AA157" s="205"/>
      <c r="AB157" s="205"/>
      <c r="AC157" s="205"/>
      <c r="AD157" s="205"/>
      <c r="AE157" s="205"/>
      <c r="AF157" s="205"/>
    </row>
    <row r="158" spans="4:32" x14ac:dyDescent="0.55000000000000004">
      <c r="D158" s="205"/>
      <c r="E158" s="205"/>
      <c r="F158" s="205"/>
      <c r="G158" s="205"/>
      <c r="H158" s="205"/>
      <c r="I158" s="205"/>
      <c r="J158" s="205"/>
      <c r="K158" s="205"/>
      <c r="L158" s="205"/>
      <c r="M158" s="205"/>
      <c r="N158" s="205"/>
      <c r="O158" s="205"/>
      <c r="P158" s="205"/>
      <c r="Q158" s="205"/>
      <c r="R158" s="205"/>
      <c r="S158" s="205"/>
      <c r="T158" s="205"/>
      <c r="U158" s="205"/>
      <c r="V158" s="205"/>
      <c r="W158" s="205"/>
      <c r="X158" s="205"/>
      <c r="Y158" s="205"/>
      <c r="Z158" s="205"/>
      <c r="AA158" s="205"/>
      <c r="AB158" s="205"/>
      <c r="AC158" s="205"/>
      <c r="AD158" s="205"/>
      <c r="AE158" s="205"/>
      <c r="AF158" s="205"/>
    </row>
    <row r="159" spans="4:32" x14ac:dyDescent="0.55000000000000004">
      <c r="D159" s="205"/>
      <c r="E159" s="205"/>
      <c r="F159" s="205"/>
      <c r="G159" s="205"/>
      <c r="H159" s="205"/>
      <c r="I159" s="205"/>
      <c r="J159" s="205"/>
      <c r="K159" s="205"/>
      <c r="L159" s="205"/>
      <c r="M159" s="205"/>
      <c r="N159" s="205"/>
      <c r="O159" s="205"/>
      <c r="P159" s="205"/>
      <c r="Q159" s="205"/>
      <c r="R159" s="205"/>
      <c r="S159" s="205"/>
      <c r="T159" s="205"/>
      <c r="U159" s="205"/>
      <c r="V159" s="205"/>
      <c r="W159" s="205"/>
      <c r="X159" s="205"/>
      <c r="Y159" s="205"/>
      <c r="Z159" s="205"/>
      <c r="AA159" s="205"/>
      <c r="AB159" s="205"/>
      <c r="AC159" s="205"/>
      <c r="AD159" s="205"/>
      <c r="AE159" s="205"/>
      <c r="AF159" s="205"/>
    </row>
    <row r="269" spans="4:17" x14ac:dyDescent="0.55000000000000004">
      <c r="D269" s="6" t="s">
        <v>130</v>
      </c>
      <c r="O269" s="6" t="s">
        <v>130</v>
      </c>
      <c r="P269" s="6" t="s">
        <v>130</v>
      </c>
      <c r="Q269" s="6" t="s">
        <v>130</v>
      </c>
    </row>
    <row r="270" spans="4:17" x14ac:dyDescent="0.55000000000000004">
      <c r="D270" s="6" t="s">
        <v>145</v>
      </c>
      <c r="O270" s="6" t="s">
        <v>145</v>
      </c>
      <c r="P270" s="6" t="s">
        <v>145</v>
      </c>
      <c r="Q270" s="6" t="s">
        <v>145</v>
      </c>
    </row>
    <row r="271" spans="4:17" x14ac:dyDescent="0.55000000000000004">
      <c r="D271" s="6" t="s">
        <v>136</v>
      </c>
      <c r="O271" s="6" t="s">
        <v>136</v>
      </c>
      <c r="P271" s="6" t="s">
        <v>136</v>
      </c>
      <c r="Q271" s="6" t="s">
        <v>136</v>
      </c>
    </row>
    <row r="272" spans="4:17" x14ac:dyDescent="0.55000000000000004">
      <c r="D272" s="6" t="s">
        <v>142</v>
      </c>
      <c r="O272" s="6" t="s">
        <v>142</v>
      </c>
      <c r="P272" s="6" t="s">
        <v>142</v>
      </c>
      <c r="Q272" s="6" t="s">
        <v>142</v>
      </c>
    </row>
    <row r="273" spans="4:17" x14ac:dyDescent="0.55000000000000004">
      <c r="D273" s="6" t="s">
        <v>148</v>
      </c>
      <c r="O273" s="6" t="s">
        <v>148</v>
      </c>
      <c r="P273" s="6" t="s">
        <v>148</v>
      </c>
      <c r="Q273" s="6" t="s">
        <v>148</v>
      </c>
    </row>
    <row r="274" spans="4:17" x14ac:dyDescent="0.55000000000000004">
      <c r="D274" s="6" t="s">
        <v>153</v>
      </c>
      <c r="O274" s="6" t="s">
        <v>153</v>
      </c>
      <c r="P274" s="6" t="s">
        <v>153</v>
      </c>
      <c r="Q274" s="6" t="s">
        <v>153</v>
      </c>
    </row>
    <row r="275" spans="4:17" x14ac:dyDescent="0.55000000000000004">
      <c r="D275" s="6" t="s">
        <v>132</v>
      </c>
      <c r="O275" s="6" t="s">
        <v>132</v>
      </c>
      <c r="P275" s="6" t="s">
        <v>132</v>
      </c>
      <c r="Q275" s="6" t="s">
        <v>132</v>
      </c>
    </row>
    <row r="276" spans="4:17" x14ac:dyDescent="0.55000000000000004">
      <c r="D276" s="6" t="s">
        <v>147</v>
      </c>
      <c r="O276" s="6" t="s">
        <v>147</v>
      </c>
      <c r="P276" s="6" t="s">
        <v>147</v>
      </c>
      <c r="Q276" s="6" t="s">
        <v>147</v>
      </c>
    </row>
    <row r="277" spans="4:17" x14ac:dyDescent="0.55000000000000004">
      <c r="D277" s="6" t="s">
        <v>138</v>
      </c>
      <c r="O277" s="6" t="s">
        <v>138</v>
      </c>
      <c r="P277" s="6" t="s">
        <v>138</v>
      </c>
      <c r="Q277" s="6" t="s">
        <v>138</v>
      </c>
    </row>
    <row r="278" spans="4:17" x14ac:dyDescent="0.55000000000000004">
      <c r="D278" s="6" t="s">
        <v>143</v>
      </c>
      <c r="O278" s="6" t="s">
        <v>143</v>
      </c>
      <c r="P278" s="6" t="s">
        <v>143</v>
      </c>
      <c r="Q278" s="6" t="s">
        <v>143</v>
      </c>
    </row>
    <row r="279" spans="4:17" x14ac:dyDescent="0.55000000000000004">
      <c r="D279" s="6" t="s">
        <v>149</v>
      </c>
      <c r="O279" s="6" t="s">
        <v>149</v>
      </c>
      <c r="P279" s="6" t="s">
        <v>149</v>
      </c>
      <c r="Q279" s="6" t="s">
        <v>149</v>
      </c>
    </row>
    <row r="280" spans="4:17" x14ac:dyDescent="0.55000000000000004">
      <c r="D280" s="6" t="s">
        <v>154</v>
      </c>
      <c r="O280" s="6" t="s">
        <v>154</v>
      </c>
      <c r="P280" s="6" t="s">
        <v>154</v>
      </c>
      <c r="Q280" s="6" t="s">
        <v>154</v>
      </c>
    </row>
    <row r="281" spans="4:17" x14ac:dyDescent="0.55000000000000004">
      <c r="O281" s="6" t="s">
        <v>128</v>
      </c>
      <c r="P281" s="6" t="s">
        <v>128</v>
      </c>
      <c r="Q281" s="6" t="s">
        <v>128</v>
      </c>
    </row>
    <row r="282" spans="4:17" x14ac:dyDescent="0.55000000000000004">
      <c r="O282" s="6" t="s">
        <v>134</v>
      </c>
      <c r="P282" s="6" t="s">
        <v>134</v>
      </c>
      <c r="Q282" s="6" t="s">
        <v>134</v>
      </c>
    </row>
    <row r="283" spans="4:17" x14ac:dyDescent="0.55000000000000004">
      <c r="O283" s="6" t="s">
        <v>155</v>
      </c>
      <c r="P283" s="6" t="s">
        <v>155</v>
      </c>
      <c r="Q283" s="6" t="s">
        <v>155</v>
      </c>
    </row>
    <row r="284" spans="4:17" x14ac:dyDescent="0.55000000000000004">
      <c r="O284" s="6" t="s">
        <v>126</v>
      </c>
      <c r="P284" s="6" t="s">
        <v>126</v>
      </c>
      <c r="Q284" s="6" t="s">
        <v>126</v>
      </c>
    </row>
    <row r="285" spans="4:17" x14ac:dyDescent="0.55000000000000004">
      <c r="O285" s="6" t="s">
        <v>150</v>
      </c>
      <c r="P285" s="6" t="s">
        <v>150</v>
      </c>
      <c r="Q285" s="6" t="s">
        <v>150</v>
      </c>
    </row>
    <row r="286" spans="4:17" x14ac:dyDescent="0.55000000000000004">
      <c r="O286" s="6" t="s">
        <v>141</v>
      </c>
      <c r="P286" s="6" t="s">
        <v>141</v>
      </c>
      <c r="Q286" s="6" t="s">
        <v>141</v>
      </c>
    </row>
    <row r="287" spans="4:17" x14ac:dyDescent="0.55000000000000004">
      <c r="O287" s="6" t="s">
        <v>151</v>
      </c>
      <c r="P287" s="6" t="s">
        <v>151</v>
      </c>
    </row>
    <row r="288" spans="4:17" x14ac:dyDescent="0.55000000000000004">
      <c r="O288" s="6" t="s">
        <v>152</v>
      </c>
      <c r="P288" s="6" t="s">
        <v>152</v>
      </c>
    </row>
    <row r="289" spans="15:16" x14ac:dyDescent="0.55000000000000004">
      <c r="O289" s="6" t="s">
        <v>156</v>
      </c>
      <c r="P289" s="6" t="s">
        <v>156</v>
      </c>
    </row>
    <row r="290" spans="15:16" x14ac:dyDescent="0.55000000000000004">
      <c r="O290" s="6" t="s">
        <v>345</v>
      </c>
      <c r="P290" s="6" t="s">
        <v>345</v>
      </c>
    </row>
    <row r="291" spans="15:16" x14ac:dyDescent="0.55000000000000004">
      <c r="O291" s="6" t="s">
        <v>157</v>
      </c>
      <c r="P291" s="6" t="s">
        <v>157</v>
      </c>
    </row>
    <row r="292" spans="15:16" x14ac:dyDescent="0.55000000000000004">
      <c r="O292" s="6" t="s">
        <v>200</v>
      </c>
      <c r="P292" s="6" t="s">
        <v>200</v>
      </c>
    </row>
    <row r="293" spans="15:16" x14ac:dyDescent="0.55000000000000004">
      <c r="O293" s="6" t="s">
        <v>158</v>
      </c>
      <c r="P293" s="6" t="s">
        <v>158</v>
      </c>
    </row>
    <row r="294" spans="15:16" x14ac:dyDescent="0.55000000000000004">
      <c r="O294" s="6" t="s">
        <v>346</v>
      </c>
      <c r="P294" s="6" t="s">
        <v>346</v>
      </c>
    </row>
    <row r="295" spans="15:16" x14ac:dyDescent="0.55000000000000004">
      <c r="O295" s="6" t="s">
        <v>201</v>
      </c>
      <c r="P295" s="6" t="s">
        <v>201</v>
      </c>
    </row>
  </sheetData>
  <sheetProtection sheet="1" objects="1" scenarios="1"/>
  <mergeCells count="244">
    <mergeCell ref="R36:S36"/>
    <mergeCell ref="T36:U36"/>
    <mergeCell ref="V36:W36"/>
    <mergeCell ref="B36:C36"/>
    <mergeCell ref="D36:E36"/>
    <mergeCell ref="F36:G36"/>
    <mergeCell ref="H36:I36"/>
    <mergeCell ref="J36:K36"/>
    <mergeCell ref="L36:M36"/>
    <mergeCell ref="N36:O36"/>
    <mergeCell ref="P36:Q36"/>
    <mergeCell ref="P33:Q33"/>
    <mergeCell ref="R33:S33"/>
    <mergeCell ref="T33:U33"/>
    <mergeCell ref="V33:W33"/>
    <mergeCell ref="A33:A36"/>
    <mergeCell ref="B33:C33"/>
    <mergeCell ref="D33:E33"/>
    <mergeCell ref="F33:G33"/>
    <mergeCell ref="H33:I33"/>
    <mergeCell ref="J33:K33"/>
    <mergeCell ref="L33:M33"/>
    <mergeCell ref="N33:O33"/>
    <mergeCell ref="P35:Q35"/>
    <mergeCell ref="R35:S35"/>
    <mergeCell ref="T35:U35"/>
    <mergeCell ref="V35:W35"/>
    <mergeCell ref="B34:C34"/>
    <mergeCell ref="B35:C35"/>
    <mergeCell ref="D35:E35"/>
    <mergeCell ref="F35:G35"/>
    <mergeCell ref="H35:I35"/>
    <mergeCell ref="J35:K35"/>
    <mergeCell ref="L35:M35"/>
    <mergeCell ref="N35:O35"/>
    <mergeCell ref="P32:Q32"/>
    <mergeCell ref="R32:S32"/>
    <mergeCell ref="T32:U32"/>
    <mergeCell ref="V32:W32"/>
    <mergeCell ref="D32:E32"/>
    <mergeCell ref="F32:G32"/>
    <mergeCell ref="H32:I32"/>
    <mergeCell ref="J32:K32"/>
    <mergeCell ref="L32:M32"/>
    <mergeCell ref="N32:O32"/>
    <mergeCell ref="T30:U30"/>
    <mergeCell ref="V30:W30"/>
    <mergeCell ref="D30:E30"/>
    <mergeCell ref="F30:G30"/>
    <mergeCell ref="H30:I30"/>
    <mergeCell ref="J30:K30"/>
    <mergeCell ref="L30:M30"/>
    <mergeCell ref="N30:O30"/>
    <mergeCell ref="T31:U31"/>
    <mergeCell ref="V31:W31"/>
    <mergeCell ref="D31:E31"/>
    <mergeCell ref="F31:G31"/>
    <mergeCell ref="H31:I31"/>
    <mergeCell ref="J31:K31"/>
    <mergeCell ref="L31:M31"/>
    <mergeCell ref="N31:O31"/>
    <mergeCell ref="P31:Q31"/>
    <mergeCell ref="R31:S31"/>
    <mergeCell ref="F29:G29"/>
    <mergeCell ref="H29:I29"/>
    <mergeCell ref="J29:K29"/>
    <mergeCell ref="L29:M29"/>
    <mergeCell ref="N29:O29"/>
    <mergeCell ref="P29:Q29"/>
    <mergeCell ref="R29:S29"/>
    <mergeCell ref="P30:Q30"/>
    <mergeCell ref="R30:S30"/>
    <mergeCell ref="L27:M27"/>
    <mergeCell ref="N27:O27"/>
    <mergeCell ref="P27:Q27"/>
    <mergeCell ref="R27:S27"/>
    <mergeCell ref="T27:U27"/>
    <mergeCell ref="V27:W27"/>
    <mergeCell ref="B27:B32"/>
    <mergeCell ref="D27:E27"/>
    <mergeCell ref="F27:G27"/>
    <mergeCell ref="H27:I27"/>
    <mergeCell ref="J27:K27"/>
    <mergeCell ref="P28:Q28"/>
    <mergeCell ref="R28:S28"/>
    <mergeCell ref="T28:U28"/>
    <mergeCell ref="V28:W28"/>
    <mergeCell ref="D28:E28"/>
    <mergeCell ref="F28:G28"/>
    <mergeCell ref="H28:I28"/>
    <mergeCell ref="J28:K28"/>
    <mergeCell ref="L28:M28"/>
    <mergeCell ref="N28:O28"/>
    <mergeCell ref="T29:U29"/>
    <mergeCell ref="V29:W29"/>
    <mergeCell ref="D29:E29"/>
    <mergeCell ref="V26:W26"/>
    <mergeCell ref="D26:E26"/>
    <mergeCell ref="F26:G26"/>
    <mergeCell ref="H26:I26"/>
    <mergeCell ref="J26:K26"/>
    <mergeCell ref="L26:M26"/>
    <mergeCell ref="N26:O26"/>
    <mergeCell ref="P26:Q26"/>
    <mergeCell ref="R26:S26"/>
    <mergeCell ref="T26:U26"/>
    <mergeCell ref="R25:S25"/>
    <mergeCell ref="T25:U25"/>
    <mergeCell ref="V25:W25"/>
    <mergeCell ref="D25:E25"/>
    <mergeCell ref="F25:G25"/>
    <mergeCell ref="H25:I25"/>
    <mergeCell ref="J25:K25"/>
    <mergeCell ref="L25:M25"/>
    <mergeCell ref="N25:O25"/>
    <mergeCell ref="P25:Q25"/>
    <mergeCell ref="N24:O24"/>
    <mergeCell ref="P24:Q24"/>
    <mergeCell ref="R24:S24"/>
    <mergeCell ref="T24:U24"/>
    <mergeCell ref="V24:W24"/>
    <mergeCell ref="D24:E24"/>
    <mergeCell ref="F24:G24"/>
    <mergeCell ref="H24:I24"/>
    <mergeCell ref="J24:K24"/>
    <mergeCell ref="L24:M24"/>
    <mergeCell ref="V23:W23"/>
    <mergeCell ref="D23:E23"/>
    <mergeCell ref="F23:G23"/>
    <mergeCell ref="H23:I23"/>
    <mergeCell ref="J23:K23"/>
    <mergeCell ref="L23:M23"/>
    <mergeCell ref="N23:O23"/>
    <mergeCell ref="P23:Q23"/>
    <mergeCell ref="R23:S23"/>
    <mergeCell ref="T23:U23"/>
    <mergeCell ref="V21:W21"/>
    <mergeCell ref="D21:E21"/>
    <mergeCell ref="F21:G21"/>
    <mergeCell ref="H21:I21"/>
    <mergeCell ref="J21:K21"/>
    <mergeCell ref="L21:M21"/>
    <mergeCell ref="R22:S22"/>
    <mergeCell ref="T22:U22"/>
    <mergeCell ref="V22:W22"/>
    <mergeCell ref="D22:E22"/>
    <mergeCell ref="F22:G22"/>
    <mergeCell ref="H22:I22"/>
    <mergeCell ref="J22:K22"/>
    <mergeCell ref="L22:M22"/>
    <mergeCell ref="N22:O22"/>
    <mergeCell ref="P22:Q22"/>
    <mergeCell ref="H20:I20"/>
    <mergeCell ref="J20:K20"/>
    <mergeCell ref="L20:M20"/>
    <mergeCell ref="N20:O20"/>
    <mergeCell ref="P20:Q20"/>
    <mergeCell ref="R20:S20"/>
    <mergeCell ref="T20:U20"/>
    <mergeCell ref="N21:O21"/>
    <mergeCell ref="P21:Q21"/>
    <mergeCell ref="R21:S21"/>
    <mergeCell ref="T21:U21"/>
    <mergeCell ref="N18:O18"/>
    <mergeCell ref="P18:Q18"/>
    <mergeCell ref="R18:S18"/>
    <mergeCell ref="T18:U18"/>
    <mergeCell ref="V18:W18"/>
    <mergeCell ref="B18:B26"/>
    <mergeCell ref="D18:E18"/>
    <mergeCell ref="F18:G18"/>
    <mergeCell ref="H18:I18"/>
    <mergeCell ref="J18:K18"/>
    <mergeCell ref="L18:M18"/>
    <mergeCell ref="R19:S19"/>
    <mergeCell ref="T19:U19"/>
    <mergeCell ref="V19:W19"/>
    <mergeCell ref="D19:E19"/>
    <mergeCell ref="F19:G19"/>
    <mergeCell ref="H19:I19"/>
    <mergeCell ref="J19:K19"/>
    <mergeCell ref="L19:M19"/>
    <mergeCell ref="N19:O19"/>
    <mergeCell ref="P19:Q19"/>
    <mergeCell ref="V20:W20"/>
    <mergeCell ref="D20:E20"/>
    <mergeCell ref="F20:G20"/>
    <mergeCell ref="V7:W7"/>
    <mergeCell ref="D7:E7"/>
    <mergeCell ref="F7:G7"/>
    <mergeCell ref="H7:I7"/>
    <mergeCell ref="J7:K7"/>
    <mergeCell ref="L7:M7"/>
    <mergeCell ref="N7:O7"/>
    <mergeCell ref="P7:Q7"/>
    <mergeCell ref="B9:B17"/>
    <mergeCell ref="V8:W8"/>
    <mergeCell ref="D8:E8"/>
    <mergeCell ref="F8:G8"/>
    <mergeCell ref="H8:I8"/>
    <mergeCell ref="J8:K8"/>
    <mergeCell ref="L8:M8"/>
    <mergeCell ref="N8:O8"/>
    <mergeCell ref="P8:Q8"/>
    <mergeCell ref="R8:S8"/>
    <mergeCell ref="T8:U8"/>
    <mergeCell ref="V5:W5"/>
    <mergeCell ref="J5:K5"/>
    <mergeCell ref="L5:M5"/>
    <mergeCell ref="N5:O5"/>
    <mergeCell ref="P5:Q5"/>
    <mergeCell ref="R5:S5"/>
    <mergeCell ref="T5:U5"/>
    <mergeCell ref="A5:A32"/>
    <mergeCell ref="B5:B8"/>
    <mergeCell ref="D5:E5"/>
    <mergeCell ref="F5:G5"/>
    <mergeCell ref="H5:I5"/>
    <mergeCell ref="N6:O6"/>
    <mergeCell ref="P6:Q6"/>
    <mergeCell ref="R6:S6"/>
    <mergeCell ref="T6:U6"/>
    <mergeCell ref="V6:W6"/>
    <mergeCell ref="D6:E6"/>
    <mergeCell ref="F6:G6"/>
    <mergeCell ref="H6:I6"/>
    <mergeCell ref="J6:K6"/>
    <mergeCell ref="L6:M6"/>
    <mergeCell ref="R7:S7"/>
    <mergeCell ref="T7:U7"/>
    <mergeCell ref="V4:W4"/>
    <mergeCell ref="J4:K4"/>
    <mergeCell ref="L4:M4"/>
    <mergeCell ref="N4:O4"/>
    <mergeCell ref="P4:Q4"/>
    <mergeCell ref="R4:S4"/>
    <mergeCell ref="T4:U4"/>
    <mergeCell ref="A1:C4"/>
    <mergeCell ref="D1:W1"/>
    <mergeCell ref="D2:W2"/>
    <mergeCell ref="D3:W3"/>
    <mergeCell ref="D4:E4"/>
    <mergeCell ref="F4:G4"/>
    <mergeCell ref="H4:I4"/>
  </mergeCells>
  <phoneticPr fontId="1"/>
  <dataValidations count="3">
    <dataValidation type="list" allowBlank="1" showInputMessage="1" showErrorMessage="1" sqref="D33 T33 R33 P33 N33 L33 J33 H33 F33 V33">
      <formula1>$D$269:$D$280</formula1>
    </dataValidation>
    <dataValidation type="list" allowBlank="1" showInputMessage="1" showErrorMessage="1" sqref="D34:W34">
      <formula1>$O$269:$O$295</formula1>
    </dataValidation>
    <dataValidation type="list" allowBlank="1" showInputMessage="1" showErrorMessage="1" sqref="D35:D36 T35:T36 R35:R36 P35:P36 N35:N36 L35:L36 J35:J36 H35:H36 F35:F36 V35:V36">
      <formula1>$P$269:$P$295</formula1>
    </dataValidation>
  </dataValidations>
  <pageMargins left="0.7" right="0.7" top="0.75" bottom="0.75" header="0.3" footer="0.3"/>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A71"/>
  <sheetViews>
    <sheetView zoomScale="70" zoomScaleNormal="70" zoomScaleSheetLayoutView="69" workbookViewId="0">
      <selection activeCell="A2" sqref="A2:AA2"/>
    </sheetView>
  </sheetViews>
  <sheetFormatPr defaultRowHeight="18" x14ac:dyDescent="0.55000000000000004"/>
  <cols>
    <col min="2" max="2" width="8.25" customWidth="1"/>
    <col min="3" max="22" width="4.4140625" customWidth="1"/>
    <col min="23" max="27" width="8.25" customWidth="1"/>
  </cols>
  <sheetData>
    <row r="1" spans="1:27" ht="42" customHeight="1" x14ac:dyDescent="0.55000000000000004">
      <c r="A1" s="459" t="s">
        <v>101</v>
      </c>
      <c r="B1" s="459"/>
      <c r="C1" s="459"/>
      <c r="D1" s="459"/>
      <c r="E1" s="459"/>
      <c r="F1" s="459"/>
      <c r="G1" s="459"/>
      <c r="H1" s="459"/>
      <c r="I1" s="459"/>
      <c r="J1" s="459"/>
      <c r="K1" s="459"/>
      <c r="L1" s="459"/>
      <c r="M1" s="459"/>
      <c r="N1" s="459"/>
      <c r="O1" s="459"/>
      <c r="P1" s="459"/>
      <c r="Q1" s="459"/>
      <c r="R1" s="459"/>
      <c r="S1" s="459"/>
      <c r="T1" s="459"/>
      <c r="U1" s="459"/>
      <c r="V1" s="459"/>
      <c r="W1" s="459"/>
      <c r="X1" s="459"/>
      <c r="Y1" s="459"/>
      <c r="Z1" s="459"/>
      <c r="AA1" s="459"/>
    </row>
    <row r="2" spans="1:27" ht="143.5" customHeight="1" x14ac:dyDescent="0.55000000000000004">
      <c r="A2" s="460" t="s">
        <v>356</v>
      </c>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2"/>
    </row>
    <row r="3" spans="1:27" ht="71.5" customHeight="1" x14ac:dyDescent="0.55000000000000004">
      <c r="A3" s="473" t="s">
        <v>76</v>
      </c>
      <c r="B3" s="463" t="s">
        <v>102</v>
      </c>
      <c r="C3" s="464"/>
      <c r="D3" s="464"/>
      <c r="E3" s="464"/>
      <c r="F3" s="465"/>
      <c r="G3" s="413" t="s">
        <v>366</v>
      </c>
      <c r="H3" s="414"/>
      <c r="I3" s="414"/>
      <c r="J3" s="414"/>
      <c r="K3" s="414"/>
      <c r="L3" s="414"/>
      <c r="M3" s="414"/>
      <c r="N3" s="414"/>
      <c r="O3" s="414"/>
      <c r="P3" s="414"/>
      <c r="Q3" s="414"/>
      <c r="R3" s="414"/>
      <c r="S3" s="414"/>
      <c r="T3" s="414"/>
      <c r="U3" s="414"/>
      <c r="V3" s="414"/>
      <c r="W3" s="414"/>
      <c r="X3" s="414"/>
      <c r="Y3" s="414"/>
      <c r="Z3" s="414"/>
      <c r="AA3" s="415"/>
    </row>
    <row r="4" spans="1:27" ht="44" customHeight="1" x14ac:dyDescent="0.55000000000000004">
      <c r="A4" s="474"/>
      <c r="B4" s="463" t="s">
        <v>77</v>
      </c>
      <c r="C4" s="464"/>
      <c r="D4" s="464"/>
      <c r="E4" s="464"/>
      <c r="F4" s="465"/>
      <c r="G4" s="413" t="s">
        <v>371</v>
      </c>
      <c r="H4" s="414"/>
      <c r="I4" s="414"/>
      <c r="J4" s="414"/>
      <c r="K4" s="414"/>
      <c r="L4" s="414"/>
      <c r="M4" s="414"/>
      <c r="N4" s="414"/>
      <c r="O4" s="414"/>
      <c r="P4" s="414"/>
      <c r="Q4" s="414"/>
      <c r="R4" s="414"/>
      <c r="S4" s="414"/>
      <c r="T4" s="414"/>
      <c r="U4" s="414"/>
      <c r="V4" s="414"/>
      <c r="W4" s="414"/>
      <c r="X4" s="414"/>
      <c r="Y4" s="414"/>
      <c r="Z4" s="414"/>
      <c r="AA4" s="415"/>
    </row>
    <row r="5" spans="1:27" ht="66.5" customHeight="1" x14ac:dyDescent="0.55000000000000004">
      <c r="A5" s="475"/>
      <c r="B5" s="463" t="s">
        <v>78</v>
      </c>
      <c r="C5" s="464"/>
      <c r="D5" s="464"/>
      <c r="E5" s="464"/>
      <c r="F5" s="465"/>
      <c r="G5" s="413" t="s">
        <v>372</v>
      </c>
      <c r="H5" s="414"/>
      <c r="I5" s="414"/>
      <c r="J5" s="414"/>
      <c r="K5" s="414"/>
      <c r="L5" s="414"/>
      <c r="M5" s="414"/>
      <c r="N5" s="414"/>
      <c r="O5" s="414"/>
      <c r="P5" s="414"/>
      <c r="Q5" s="414"/>
      <c r="R5" s="414"/>
      <c r="S5" s="414"/>
      <c r="T5" s="414"/>
      <c r="U5" s="414"/>
      <c r="V5" s="414"/>
      <c r="W5" s="414"/>
      <c r="X5" s="414"/>
      <c r="Y5" s="414"/>
      <c r="Z5" s="414"/>
      <c r="AA5" s="415"/>
    </row>
    <row r="6" spans="1:27" ht="23" customHeight="1" x14ac:dyDescent="0.55000000000000004">
      <c r="A6" s="470" t="s">
        <v>361</v>
      </c>
      <c r="B6" s="231" t="s">
        <v>80</v>
      </c>
      <c r="C6" s="421">
        <v>1</v>
      </c>
      <c r="D6" s="422"/>
      <c r="E6" s="421">
        <v>2</v>
      </c>
      <c r="F6" s="422"/>
      <c r="G6" s="421">
        <v>3</v>
      </c>
      <c r="H6" s="422"/>
      <c r="I6" s="421">
        <v>4</v>
      </c>
      <c r="J6" s="422"/>
      <c r="K6" s="421">
        <v>5</v>
      </c>
      <c r="L6" s="422"/>
      <c r="M6" s="421">
        <v>6</v>
      </c>
      <c r="N6" s="422"/>
      <c r="O6" s="421">
        <v>7</v>
      </c>
      <c r="P6" s="422"/>
      <c r="Q6" s="421">
        <v>8</v>
      </c>
      <c r="R6" s="422"/>
      <c r="S6" s="421">
        <v>9</v>
      </c>
      <c r="T6" s="422"/>
      <c r="U6" s="421">
        <v>10</v>
      </c>
      <c r="V6" s="422"/>
      <c r="W6" s="446" t="s">
        <v>99</v>
      </c>
      <c r="X6" s="446"/>
      <c r="Y6" s="446"/>
      <c r="Z6" s="446"/>
      <c r="AA6" s="446"/>
    </row>
    <row r="7" spans="1:27" ht="23" customHeight="1" x14ac:dyDescent="0.55000000000000004">
      <c r="A7" s="471"/>
      <c r="B7" s="466" t="s">
        <v>88</v>
      </c>
      <c r="C7" s="232"/>
      <c r="D7" s="233"/>
      <c r="E7" s="233"/>
      <c r="F7" s="233"/>
      <c r="G7" s="233"/>
      <c r="H7" s="233"/>
      <c r="I7" s="233"/>
      <c r="J7" s="233"/>
      <c r="K7" s="233"/>
      <c r="L7" s="233"/>
      <c r="M7" s="233"/>
      <c r="N7" s="233"/>
      <c r="O7" s="233"/>
      <c r="P7" s="233"/>
      <c r="Q7" s="233"/>
      <c r="R7" s="233"/>
      <c r="S7" s="233"/>
      <c r="T7" s="233"/>
      <c r="U7" s="233"/>
      <c r="V7" s="234"/>
      <c r="W7" s="468" t="s">
        <v>362</v>
      </c>
      <c r="X7" s="469"/>
      <c r="Y7" s="469"/>
      <c r="Z7" s="469"/>
      <c r="AA7" s="469"/>
    </row>
    <row r="8" spans="1:27" ht="23" customHeight="1" x14ac:dyDescent="0.55000000000000004">
      <c r="A8" s="471"/>
      <c r="B8" s="467"/>
      <c r="C8" s="235"/>
      <c r="D8" s="236"/>
      <c r="E8" s="236"/>
      <c r="F8" s="236"/>
      <c r="G8" s="236"/>
      <c r="H8" s="236"/>
      <c r="I8" s="236"/>
      <c r="J8" s="236"/>
      <c r="K8" s="236"/>
      <c r="L8" s="236"/>
      <c r="M8" s="236"/>
      <c r="N8" s="236"/>
      <c r="O8" s="236"/>
      <c r="P8" s="236"/>
      <c r="Q8" s="236"/>
      <c r="R8" s="236"/>
      <c r="S8" s="236"/>
      <c r="T8" s="236"/>
      <c r="U8" s="236"/>
      <c r="V8" s="237"/>
      <c r="W8" s="469"/>
      <c r="X8" s="469"/>
      <c r="Y8" s="469"/>
      <c r="Z8" s="469"/>
      <c r="AA8" s="469"/>
    </row>
    <row r="9" spans="1:27" ht="23" customHeight="1" x14ac:dyDescent="0.55000000000000004">
      <c r="A9" s="471"/>
      <c r="B9" s="467"/>
      <c r="C9" s="235"/>
      <c r="D9" s="236"/>
      <c r="E9" s="236"/>
      <c r="F9" s="236"/>
      <c r="G9" s="236"/>
      <c r="H9" s="236"/>
      <c r="I9" s="236"/>
      <c r="J9" s="236"/>
      <c r="K9" s="236"/>
      <c r="L9" s="236"/>
      <c r="M9" s="236"/>
      <c r="N9" s="236"/>
      <c r="O9" s="236"/>
      <c r="P9" s="236"/>
      <c r="Q9" s="236"/>
      <c r="R9" s="236"/>
      <c r="S9" s="236"/>
      <c r="T9" s="236"/>
      <c r="U9" s="236"/>
      <c r="V9" s="237"/>
      <c r="W9" s="469"/>
      <c r="X9" s="469"/>
      <c r="Y9" s="469"/>
      <c r="Z9" s="469"/>
      <c r="AA9" s="469"/>
    </row>
    <row r="10" spans="1:27" ht="23" customHeight="1" x14ac:dyDescent="0.55000000000000004">
      <c r="A10" s="471"/>
      <c r="B10" s="467"/>
      <c r="C10" s="235"/>
      <c r="D10" s="236"/>
      <c r="E10" s="236"/>
      <c r="F10" s="236"/>
      <c r="G10" s="236"/>
      <c r="H10" s="236"/>
      <c r="I10" s="236"/>
      <c r="J10" s="236"/>
      <c r="K10" s="236"/>
      <c r="L10" s="236"/>
      <c r="M10" s="236"/>
      <c r="N10" s="236"/>
      <c r="O10" s="236"/>
      <c r="P10" s="236"/>
      <c r="Q10" s="236"/>
      <c r="R10" s="236"/>
      <c r="S10" s="236"/>
      <c r="T10" s="236"/>
      <c r="U10" s="236"/>
      <c r="V10" s="237"/>
      <c r="W10" s="469"/>
      <c r="X10" s="469"/>
      <c r="Y10" s="469"/>
      <c r="Z10" s="469"/>
      <c r="AA10" s="469"/>
    </row>
    <row r="11" spans="1:27" ht="23" customHeight="1" x14ac:dyDescent="0.55000000000000004">
      <c r="A11" s="471"/>
      <c r="B11" s="467"/>
      <c r="C11" s="235"/>
      <c r="D11" s="236"/>
      <c r="E11" s="236"/>
      <c r="F11" s="236"/>
      <c r="G11" s="236"/>
      <c r="H11" s="236"/>
      <c r="I11" s="236"/>
      <c r="J11" s="236"/>
      <c r="K11" s="236"/>
      <c r="L11" s="236"/>
      <c r="M11" s="236"/>
      <c r="N11" s="236"/>
      <c r="O11" s="236"/>
      <c r="P11" s="236"/>
      <c r="Q11" s="236"/>
      <c r="R11" s="236"/>
      <c r="S11" s="236"/>
      <c r="T11" s="236"/>
      <c r="U11" s="236"/>
      <c r="V11" s="237"/>
      <c r="W11" s="469"/>
      <c r="X11" s="469"/>
      <c r="Y11" s="469"/>
      <c r="Z11" s="469"/>
      <c r="AA11" s="469"/>
    </row>
    <row r="12" spans="1:27" ht="23" customHeight="1" x14ac:dyDescent="0.55000000000000004">
      <c r="A12" s="471"/>
      <c r="B12" s="467"/>
      <c r="C12" s="235"/>
      <c r="D12" s="236"/>
      <c r="E12" s="236"/>
      <c r="F12" s="236"/>
      <c r="G12" s="236"/>
      <c r="H12" s="236"/>
      <c r="I12" s="236"/>
      <c r="J12" s="236"/>
      <c r="K12" s="236"/>
      <c r="L12" s="236"/>
      <c r="M12" s="236"/>
      <c r="N12" s="236"/>
      <c r="O12" s="236"/>
      <c r="P12" s="236"/>
      <c r="Q12" s="236"/>
      <c r="R12" s="236"/>
      <c r="S12" s="236"/>
      <c r="T12" s="236"/>
      <c r="U12" s="236"/>
      <c r="V12" s="237"/>
      <c r="W12" s="469"/>
      <c r="X12" s="469"/>
      <c r="Y12" s="469"/>
      <c r="Z12" s="469"/>
      <c r="AA12" s="469"/>
    </row>
    <row r="13" spans="1:27" ht="23" customHeight="1" x14ac:dyDescent="0.55000000000000004">
      <c r="A13" s="471"/>
      <c r="B13" s="467"/>
      <c r="C13" s="235"/>
      <c r="D13" s="236"/>
      <c r="E13" s="236"/>
      <c r="F13" s="236"/>
      <c r="G13" s="236"/>
      <c r="H13" s="236"/>
      <c r="I13" s="236"/>
      <c r="J13" s="236"/>
      <c r="K13" s="236"/>
      <c r="L13" s="236"/>
      <c r="M13" s="236"/>
      <c r="N13" s="236"/>
      <c r="O13" s="236"/>
      <c r="P13" s="236"/>
      <c r="Q13" s="236"/>
      <c r="R13" s="236"/>
      <c r="S13" s="236"/>
      <c r="T13" s="236"/>
      <c r="U13" s="236"/>
      <c r="V13" s="237"/>
      <c r="W13" s="469"/>
      <c r="X13" s="469"/>
      <c r="Y13" s="469"/>
      <c r="Z13" s="469"/>
      <c r="AA13" s="469"/>
    </row>
    <row r="14" spans="1:27" ht="23" customHeight="1" x14ac:dyDescent="0.55000000000000004">
      <c r="A14" s="471"/>
      <c r="B14" s="467"/>
      <c r="C14" s="235"/>
      <c r="D14" s="236"/>
      <c r="E14" s="236"/>
      <c r="F14" s="236"/>
      <c r="G14" s="236"/>
      <c r="H14" s="236"/>
      <c r="I14" s="236"/>
      <c r="J14" s="236"/>
      <c r="K14" s="236"/>
      <c r="L14" s="236"/>
      <c r="M14" s="236"/>
      <c r="N14" s="236"/>
      <c r="O14" s="236"/>
      <c r="P14" s="236"/>
      <c r="Q14" s="236"/>
      <c r="R14" s="236"/>
      <c r="S14" s="236"/>
      <c r="T14" s="236"/>
      <c r="U14" s="236"/>
      <c r="V14" s="237"/>
      <c r="W14" s="469"/>
      <c r="X14" s="469"/>
      <c r="Y14" s="469"/>
      <c r="Z14" s="469"/>
      <c r="AA14" s="469"/>
    </row>
    <row r="15" spans="1:27" ht="23" customHeight="1" x14ac:dyDescent="0.55000000000000004">
      <c r="A15" s="472"/>
      <c r="B15" s="467"/>
      <c r="C15" s="235"/>
      <c r="D15" s="236"/>
      <c r="E15" s="236"/>
      <c r="F15" s="236"/>
      <c r="G15" s="236"/>
      <c r="H15" s="236"/>
      <c r="I15" s="236"/>
      <c r="J15" s="236"/>
      <c r="K15" s="236"/>
      <c r="L15" s="236"/>
      <c r="M15" s="236"/>
      <c r="N15" s="236"/>
      <c r="O15" s="236"/>
      <c r="P15" s="236"/>
      <c r="Q15" s="236"/>
      <c r="R15" s="236"/>
      <c r="S15" s="236"/>
      <c r="T15" s="236"/>
      <c r="U15" s="238"/>
      <c r="V15" s="237"/>
      <c r="W15" s="469"/>
      <c r="X15" s="469"/>
      <c r="Y15" s="469"/>
      <c r="Z15" s="469"/>
      <c r="AA15" s="469"/>
    </row>
    <row r="16" spans="1:27" ht="23" customHeight="1" x14ac:dyDescent="0.55000000000000004">
      <c r="A16" s="470" t="s">
        <v>347</v>
      </c>
      <c r="B16" s="231"/>
      <c r="C16" s="421">
        <v>1</v>
      </c>
      <c r="D16" s="422"/>
      <c r="E16" s="421">
        <v>2</v>
      </c>
      <c r="F16" s="422"/>
      <c r="G16" s="421">
        <v>3</v>
      </c>
      <c r="H16" s="422"/>
      <c r="I16" s="421">
        <v>4</v>
      </c>
      <c r="J16" s="422"/>
      <c r="K16" s="421">
        <v>5</v>
      </c>
      <c r="L16" s="422"/>
      <c r="M16" s="421">
        <v>6</v>
      </c>
      <c r="N16" s="422"/>
      <c r="O16" s="421">
        <v>7</v>
      </c>
      <c r="P16" s="422"/>
      <c r="Q16" s="421">
        <v>8</v>
      </c>
      <c r="R16" s="422"/>
      <c r="S16" s="421">
        <v>9</v>
      </c>
      <c r="T16" s="422"/>
      <c r="U16" s="421">
        <v>10</v>
      </c>
      <c r="V16" s="422"/>
      <c r="W16" s="446" t="s">
        <v>100</v>
      </c>
      <c r="X16" s="446"/>
      <c r="Y16" s="446"/>
      <c r="Z16" s="446"/>
      <c r="AA16" s="446"/>
    </row>
    <row r="17" spans="1:27" ht="23" customHeight="1" x14ac:dyDescent="0.55000000000000004">
      <c r="A17" s="471"/>
      <c r="B17" s="168" t="s">
        <v>82</v>
      </c>
      <c r="C17" s="417">
        <f>【手順２】ゴール型!D32</f>
        <v>0</v>
      </c>
      <c r="D17" s="418"/>
      <c r="E17" s="417">
        <f>【手順２】ゴール型!F32</f>
        <v>0</v>
      </c>
      <c r="F17" s="418"/>
      <c r="G17" s="417">
        <f>【手順２】ゴール型!H32</f>
        <v>0</v>
      </c>
      <c r="H17" s="418"/>
      <c r="I17" s="417">
        <f>【手順２】ゴール型!J32</f>
        <v>0</v>
      </c>
      <c r="J17" s="418"/>
      <c r="K17" s="417">
        <f>【手順２】ゴール型!L32</f>
        <v>0</v>
      </c>
      <c r="L17" s="418"/>
      <c r="M17" s="417">
        <f>【手順２】ゴール型!N32</f>
        <v>0</v>
      </c>
      <c r="N17" s="418"/>
      <c r="O17" s="417">
        <f>【手順２】ゴール型!P32</f>
        <v>0</v>
      </c>
      <c r="P17" s="418"/>
      <c r="Q17" s="417">
        <f>【手順２】ゴール型!R32</f>
        <v>0</v>
      </c>
      <c r="R17" s="418"/>
      <c r="S17" s="417">
        <f>【手順２】ゴール型!T32</f>
        <v>0</v>
      </c>
      <c r="T17" s="418"/>
      <c r="U17" s="417">
        <f>【手順２】ゴール型!V32</f>
        <v>0</v>
      </c>
      <c r="V17" s="418"/>
      <c r="W17" s="416"/>
      <c r="X17" s="416"/>
      <c r="Y17" s="416"/>
      <c r="Z17" s="416"/>
      <c r="AA17" s="416"/>
    </row>
    <row r="18" spans="1:27" ht="23" customHeight="1" x14ac:dyDescent="0.55000000000000004">
      <c r="A18" s="471"/>
      <c r="B18" s="92" t="s">
        <v>83</v>
      </c>
      <c r="C18" s="239">
        <f>【手順２】ゴール型!D33</f>
        <v>0</v>
      </c>
      <c r="D18" s="240">
        <f>【手順２】ゴール型!E33</f>
        <v>0</v>
      </c>
      <c r="E18" s="239">
        <f>【手順２】ゴール型!F33</f>
        <v>0</v>
      </c>
      <c r="F18" s="240">
        <f>【手順２】ゴール型!G33</f>
        <v>0</v>
      </c>
      <c r="G18" s="239">
        <f>【手順２】ゴール型!H33</f>
        <v>0</v>
      </c>
      <c r="H18" s="240">
        <f>【手順２】ゴール型!I33</f>
        <v>0</v>
      </c>
      <c r="I18" s="239">
        <f>【手順２】ゴール型!J33</f>
        <v>0</v>
      </c>
      <c r="J18" s="240">
        <f>【手順２】ゴール型!K33</f>
        <v>0</v>
      </c>
      <c r="K18" s="239">
        <f>【手順２】ゴール型!L33</f>
        <v>0</v>
      </c>
      <c r="L18" s="240">
        <f>【手順２】ゴール型!M33</f>
        <v>0</v>
      </c>
      <c r="M18" s="239">
        <f>【手順２】ゴール型!N33</f>
        <v>0</v>
      </c>
      <c r="N18" s="240">
        <f>【手順２】ゴール型!O33</f>
        <v>0</v>
      </c>
      <c r="O18" s="239">
        <f>【手順２】ゴール型!P33</f>
        <v>0</v>
      </c>
      <c r="P18" s="240">
        <f>【手順２】ゴール型!Q33</f>
        <v>0</v>
      </c>
      <c r="Q18" s="239">
        <f>【手順２】ゴール型!R33</f>
        <v>0</v>
      </c>
      <c r="R18" s="240">
        <f>【手順２】ゴール型!S33</f>
        <v>0</v>
      </c>
      <c r="S18" s="239">
        <f>【手順２】ゴール型!T33</f>
        <v>0</v>
      </c>
      <c r="T18" s="240">
        <f>【手順２】ゴール型!U33</f>
        <v>0</v>
      </c>
      <c r="U18" s="239">
        <f>【手順２】ゴール型!V33</f>
        <v>0</v>
      </c>
      <c r="V18" s="240">
        <f>【手順２】ゴール型!W33</f>
        <v>0</v>
      </c>
      <c r="W18" s="416"/>
      <c r="X18" s="416"/>
      <c r="Y18" s="416"/>
      <c r="Z18" s="416"/>
      <c r="AA18" s="416"/>
    </row>
    <row r="19" spans="1:27" ht="23" customHeight="1" x14ac:dyDescent="0.55000000000000004">
      <c r="A19" s="471"/>
      <c r="B19" s="231" t="s">
        <v>84</v>
      </c>
      <c r="C19" s="419">
        <f>【手順２】ゴール型!D34</f>
        <v>0</v>
      </c>
      <c r="D19" s="420"/>
      <c r="E19" s="419">
        <f>【手順２】ゴール型!F34</f>
        <v>0</v>
      </c>
      <c r="F19" s="420"/>
      <c r="G19" s="419">
        <f>【手順２】ゴール型!H34</f>
        <v>0</v>
      </c>
      <c r="H19" s="420"/>
      <c r="I19" s="419">
        <f>【手順２】ゴール型!J34</f>
        <v>0</v>
      </c>
      <c r="J19" s="420"/>
      <c r="K19" s="419">
        <f>【手順２】ゴール型!L34</f>
        <v>0</v>
      </c>
      <c r="L19" s="420"/>
      <c r="M19" s="419">
        <f>【手順２】ゴール型!N34</f>
        <v>0</v>
      </c>
      <c r="N19" s="420"/>
      <c r="O19" s="419">
        <f>【手順２】ゴール型!P34</f>
        <v>0</v>
      </c>
      <c r="P19" s="420"/>
      <c r="Q19" s="419">
        <f>【手順２】ゴール型!R34</f>
        <v>0</v>
      </c>
      <c r="R19" s="420"/>
      <c r="S19" s="419">
        <f>【手順２】ゴール型!T34</f>
        <v>0</v>
      </c>
      <c r="T19" s="420"/>
      <c r="U19" s="419">
        <f>【手順２】ゴール型!V34</f>
        <v>0</v>
      </c>
      <c r="V19" s="420"/>
      <c r="W19" s="416"/>
      <c r="X19" s="416"/>
      <c r="Y19" s="416"/>
      <c r="Z19" s="416"/>
      <c r="AA19" s="416"/>
    </row>
    <row r="20" spans="1:27" ht="23" customHeight="1" x14ac:dyDescent="0.55000000000000004">
      <c r="A20" s="471"/>
      <c r="B20" s="231" t="s">
        <v>85</v>
      </c>
      <c r="C20" s="439">
        <f>【手順２】ゴール型!D35</f>
        <v>0</v>
      </c>
      <c r="D20" s="439"/>
      <c r="E20" s="439">
        <f>【手順２】ゴール型!F35</f>
        <v>0</v>
      </c>
      <c r="F20" s="439"/>
      <c r="G20" s="439">
        <f>【手順２】ゴール型!H35</f>
        <v>0</v>
      </c>
      <c r="H20" s="439"/>
      <c r="I20" s="439">
        <f>【手順２】ゴール型!J35</f>
        <v>0</v>
      </c>
      <c r="J20" s="439"/>
      <c r="K20" s="439">
        <f>【手順２】ゴール型!L35</f>
        <v>0</v>
      </c>
      <c r="L20" s="439"/>
      <c r="M20" s="439">
        <f>【手順２】ゴール型!N35</f>
        <v>0</v>
      </c>
      <c r="N20" s="439"/>
      <c r="O20" s="439">
        <f>【手順２】ゴール型!P35</f>
        <v>0</v>
      </c>
      <c r="P20" s="439"/>
      <c r="Q20" s="439">
        <f>【手順２】ゴール型!R35</f>
        <v>0</v>
      </c>
      <c r="R20" s="439"/>
      <c r="S20" s="439">
        <f>【手順２】ゴール型!T35</f>
        <v>0</v>
      </c>
      <c r="T20" s="439"/>
      <c r="U20" s="439">
        <f>【手順２】ゴール型!V35</f>
        <v>0</v>
      </c>
      <c r="V20" s="439"/>
      <c r="W20" s="416"/>
      <c r="X20" s="416"/>
      <c r="Y20" s="416"/>
      <c r="Z20" s="416"/>
      <c r="AA20" s="416"/>
    </row>
    <row r="21" spans="1:27" ht="23" customHeight="1" x14ac:dyDescent="0.55000000000000004">
      <c r="A21" s="472"/>
      <c r="B21" s="204"/>
      <c r="C21" s="419" t="s">
        <v>327</v>
      </c>
      <c r="D21" s="429"/>
      <c r="E21" s="429"/>
      <c r="F21" s="429"/>
      <c r="G21" s="429"/>
      <c r="H21" s="429"/>
      <c r="I21" s="429"/>
      <c r="J21" s="429"/>
      <c r="K21" s="429"/>
      <c r="L21" s="429"/>
      <c r="M21" s="429"/>
      <c r="N21" s="429"/>
      <c r="O21" s="429"/>
      <c r="P21" s="429"/>
      <c r="Q21" s="429"/>
      <c r="R21" s="429"/>
      <c r="S21" s="429"/>
      <c r="T21" s="429"/>
      <c r="U21" s="429"/>
      <c r="V21" s="420"/>
      <c r="W21" s="430"/>
      <c r="X21" s="431"/>
      <c r="Y21" s="431"/>
      <c r="Z21" s="431"/>
      <c r="AA21" s="432"/>
    </row>
    <row r="22" spans="1:27" ht="38" customHeight="1" x14ac:dyDescent="0.55000000000000004">
      <c r="A22" s="470" t="s">
        <v>89</v>
      </c>
      <c r="B22" s="481" t="s">
        <v>1</v>
      </c>
      <c r="C22" s="433"/>
      <c r="D22" s="434"/>
      <c r="E22" s="434"/>
      <c r="F22" s="434"/>
      <c r="G22" s="434"/>
      <c r="H22" s="434"/>
      <c r="I22" s="434"/>
      <c r="J22" s="434"/>
      <c r="K22" s="434"/>
      <c r="L22" s="434"/>
      <c r="M22" s="434"/>
      <c r="N22" s="434"/>
      <c r="O22" s="434"/>
      <c r="P22" s="434"/>
      <c r="Q22" s="434"/>
      <c r="R22" s="434"/>
      <c r="S22" s="434"/>
      <c r="T22" s="434"/>
      <c r="U22" s="434"/>
      <c r="V22" s="434"/>
      <c r="W22" s="434"/>
      <c r="X22" s="434"/>
      <c r="Y22" s="434"/>
      <c r="Z22" s="434"/>
      <c r="AA22" s="435"/>
    </row>
    <row r="23" spans="1:27" ht="38" customHeight="1" x14ac:dyDescent="0.55000000000000004">
      <c r="A23" s="471"/>
      <c r="B23" s="481"/>
      <c r="C23" s="436"/>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8"/>
    </row>
    <row r="24" spans="1:27" ht="38" customHeight="1" x14ac:dyDescent="0.55000000000000004">
      <c r="A24" s="471"/>
      <c r="B24" s="481"/>
      <c r="C24" s="440"/>
      <c r="D24" s="441"/>
      <c r="E24" s="441"/>
      <c r="F24" s="441"/>
      <c r="G24" s="441"/>
      <c r="H24" s="441"/>
      <c r="I24" s="441"/>
      <c r="J24" s="441"/>
      <c r="K24" s="441"/>
      <c r="L24" s="441"/>
      <c r="M24" s="441"/>
      <c r="N24" s="441"/>
      <c r="O24" s="441"/>
      <c r="P24" s="441"/>
      <c r="Q24" s="441"/>
      <c r="R24" s="441"/>
      <c r="S24" s="441"/>
      <c r="T24" s="441"/>
      <c r="U24" s="441"/>
      <c r="V24" s="441"/>
      <c r="W24" s="441"/>
      <c r="X24" s="441"/>
      <c r="Y24" s="441"/>
      <c r="Z24" s="441"/>
      <c r="AA24" s="442"/>
    </row>
    <row r="25" spans="1:27" ht="38" customHeight="1" x14ac:dyDescent="0.55000000000000004">
      <c r="A25" s="471"/>
      <c r="B25" s="482"/>
      <c r="C25" s="450"/>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2"/>
    </row>
    <row r="26" spans="1:27" ht="38" customHeight="1" x14ac:dyDescent="0.55000000000000004">
      <c r="A26" s="471"/>
      <c r="B26" s="480" t="s">
        <v>363</v>
      </c>
      <c r="C26" s="453"/>
      <c r="D26" s="454"/>
      <c r="E26" s="454"/>
      <c r="F26" s="454"/>
      <c r="G26" s="454"/>
      <c r="H26" s="454"/>
      <c r="I26" s="454"/>
      <c r="J26" s="454"/>
      <c r="K26" s="454"/>
      <c r="L26" s="454"/>
      <c r="M26" s="454"/>
      <c r="N26" s="454"/>
      <c r="O26" s="454"/>
      <c r="P26" s="454"/>
      <c r="Q26" s="454"/>
      <c r="R26" s="454"/>
      <c r="S26" s="454"/>
      <c r="T26" s="454"/>
      <c r="U26" s="454"/>
      <c r="V26" s="454"/>
      <c r="W26" s="454"/>
      <c r="X26" s="454"/>
      <c r="Y26" s="454"/>
      <c r="Z26" s="454"/>
      <c r="AA26" s="455"/>
    </row>
    <row r="27" spans="1:27" ht="38" customHeight="1" x14ac:dyDescent="0.55000000000000004">
      <c r="A27" s="471"/>
      <c r="B27" s="477"/>
      <c r="C27" s="436"/>
      <c r="D27" s="437"/>
      <c r="E27" s="437"/>
      <c r="F27" s="437"/>
      <c r="G27" s="437"/>
      <c r="H27" s="437"/>
      <c r="I27" s="437"/>
      <c r="J27" s="437"/>
      <c r="K27" s="437"/>
      <c r="L27" s="437"/>
      <c r="M27" s="437"/>
      <c r="N27" s="437"/>
      <c r="O27" s="437"/>
      <c r="P27" s="437"/>
      <c r="Q27" s="437"/>
      <c r="R27" s="437"/>
      <c r="S27" s="437"/>
      <c r="T27" s="437"/>
      <c r="U27" s="437"/>
      <c r="V27" s="437"/>
      <c r="W27" s="437"/>
      <c r="X27" s="437"/>
      <c r="Y27" s="437"/>
      <c r="Z27" s="437"/>
      <c r="AA27" s="438"/>
    </row>
    <row r="28" spans="1:27" ht="38" customHeight="1" x14ac:dyDescent="0.55000000000000004">
      <c r="A28" s="471"/>
      <c r="B28" s="477"/>
      <c r="C28" s="436"/>
      <c r="D28" s="437"/>
      <c r="E28" s="437"/>
      <c r="F28" s="437"/>
      <c r="G28" s="437"/>
      <c r="H28" s="437"/>
      <c r="I28" s="437"/>
      <c r="J28" s="437"/>
      <c r="K28" s="437"/>
      <c r="L28" s="437"/>
      <c r="M28" s="437"/>
      <c r="N28" s="437"/>
      <c r="O28" s="437"/>
      <c r="P28" s="437"/>
      <c r="Q28" s="437"/>
      <c r="R28" s="437"/>
      <c r="S28" s="437"/>
      <c r="T28" s="437"/>
      <c r="U28" s="437"/>
      <c r="V28" s="437"/>
      <c r="W28" s="437"/>
      <c r="X28" s="437"/>
      <c r="Y28" s="437"/>
      <c r="Z28" s="437"/>
      <c r="AA28" s="438"/>
    </row>
    <row r="29" spans="1:27" ht="38" customHeight="1" x14ac:dyDescent="0.55000000000000004">
      <c r="A29" s="471"/>
      <c r="B29" s="477"/>
      <c r="C29" s="440"/>
      <c r="D29" s="441"/>
      <c r="E29" s="441"/>
      <c r="F29" s="441"/>
      <c r="G29" s="441"/>
      <c r="H29" s="441"/>
      <c r="I29" s="441"/>
      <c r="J29" s="441"/>
      <c r="K29" s="441"/>
      <c r="L29" s="441"/>
      <c r="M29" s="441"/>
      <c r="N29" s="441"/>
      <c r="O29" s="441"/>
      <c r="P29" s="441"/>
      <c r="Q29" s="441"/>
      <c r="R29" s="441"/>
      <c r="S29" s="441"/>
      <c r="T29" s="441"/>
      <c r="U29" s="441"/>
      <c r="V29" s="441"/>
      <c r="W29" s="441"/>
      <c r="X29" s="441"/>
      <c r="Y29" s="441"/>
      <c r="Z29" s="441"/>
      <c r="AA29" s="442"/>
    </row>
    <row r="30" spans="1:27" ht="38" customHeight="1" x14ac:dyDescent="0.55000000000000004">
      <c r="A30" s="471"/>
      <c r="B30" s="477"/>
      <c r="C30" s="440"/>
      <c r="D30" s="441"/>
      <c r="E30" s="441"/>
      <c r="F30" s="441"/>
      <c r="G30" s="441"/>
      <c r="H30" s="441"/>
      <c r="I30" s="441"/>
      <c r="J30" s="441"/>
      <c r="K30" s="441"/>
      <c r="L30" s="441"/>
      <c r="M30" s="441"/>
      <c r="N30" s="441"/>
      <c r="O30" s="441"/>
      <c r="P30" s="441"/>
      <c r="Q30" s="441"/>
      <c r="R30" s="441"/>
      <c r="S30" s="441"/>
      <c r="T30" s="441"/>
      <c r="U30" s="441"/>
      <c r="V30" s="441"/>
      <c r="W30" s="441"/>
      <c r="X30" s="441"/>
      <c r="Y30" s="441"/>
      <c r="Z30" s="441"/>
      <c r="AA30" s="442"/>
    </row>
    <row r="31" spans="1:27" ht="38" customHeight="1" x14ac:dyDescent="0.55000000000000004">
      <c r="A31" s="471"/>
      <c r="B31" s="478"/>
      <c r="C31" s="450"/>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2"/>
    </row>
    <row r="32" spans="1:27" ht="38" customHeight="1" x14ac:dyDescent="0.55000000000000004">
      <c r="A32" s="471"/>
      <c r="B32" s="477" t="s">
        <v>96</v>
      </c>
      <c r="C32" s="433"/>
      <c r="D32" s="434"/>
      <c r="E32" s="434"/>
      <c r="F32" s="434"/>
      <c r="G32" s="434"/>
      <c r="H32" s="434"/>
      <c r="I32" s="434"/>
      <c r="J32" s="434"/>
      <c r="K32" s="434"/>
      <c r="L32" s="434"/>
      <c r="M32" s="434"/>
      <c r="N32" s="434"/>
      <c r="O32" s="434"/>
      <c r="P32" s="434"/>
      <c r="Q32" s="434"/>
      <c r="R32" s="434"/>
      <c r="S32" s="434"/>
      <c r="T32" s="434"/>
      <c r="U32" s="434"/>
      <c r="V32" s="434"/>
      <c r="W32" s="434"/>
      <c r="X32" s="434"/>
      <c r="Y32" s="434"/>
      <c r="Z32" s="434"/>
      <c r="AA32" s="435"/>
    </row>
    <row r="33" spans="1:27" ht="37.5" customHeight="1" x14ac:dyDescent="0.55000000000000004">
      <c r="A33" s="471"/>
      <c r="B33" s="479"/>
      <c r="C33" s="436"/>
      <c r="D33" s="437"/>
      <c r="E33" s="437"/>
      <c r="F33" s="437"/>
      <c r="G33" s="437"/>
      <c r="H33" s="437"/>
      <c r="I33" s="437"/>
      <c r="J33" s="437"/>
      <c r="K33" s="437"/>
      <c r="L33" s="437"/>
      <c r="M33" s="437"/>
      <c r="N33" s="437"/>
      <c r="O33" s="437"/>
      <c r="P33" s="437"/>
      <c r="Q33" s="437"/>
      <c r="R33" s="437"/>
      <c r="S33" s="437"/>
      <c r="T33" s="437"/>
      <c r="U33" s="437"/>
      <c r="V33" s="437"/>
      <c r="W33" s="437"/>
      <c r="X33" s="437"/>
      <c r="Y33" s="437"/>
      <c r="Z33" s="437"/>
      <c r="AA33" s="438"/>
    </row>
    <row r="34" spans="1:27" ht="37.5" customHeight="1" x14ac:dyDescent="0.55000000000000004">
      <c r="A34" s="471"/>
      <c r="B34" s="479"/>
      <c r="C34" s="440"/>
      <c r="D34" s="441"/>
      <c r="E34" s="441"/>
      <c r="F34" s="441"/>
      <c r="G34" s="441"/>
      <c r="H34" s="441"/>
      <c r="I34" s="441"/>
      <c r="J34" s="441"/>
      <c r="K34" s="441"/>
      <c r="L34" s="441"/>
      <c r="M34" s="441"/>
      <c r="N34" s="441"/>
      <c r="O34" s="441"/>
      <c r="P34" s="441"/>
      <c r="Q34" s="441"/>
      <c r="R34" s="441"/>
      <c r="S34" s="441"/>
      <c r="T34" s="441"/>
      <c r="U34" s="441"/>
      <c r="V34" s="441"/>
      <c r="W34" s="441"/>
      <c r="X34" s="441"/>
      <c r="Y34" s="441"/>
      <c r="Z34" s="441"/>
      <c r="AA34" s="442"/>
    </row>
    <row r="35" spans="1:27" ht="37.5" customHeight="1" x14ac:dyDescent="0.55000000000000004">
      <c r="A35" s="471"/>
      <c r="B35" s="479"/>
      <c r="C35" s="443"/>
      <c r="D35" s="444"/>
      <c r="E35" s="444"/>
      <c r="F35" s="444"/>
      <c r="G35" s="444"/>
      <c r="H35" s="444"/>
      <c r="I35" s="444"/>
      <c r="J35" s="444"/>
      <c r="K35" s="444"/>
      <c r="L35" s="444"/>
      <c r="M35" s="444"/>
      <c r="N35" s="444"/>
      <c r="O35" s="444"/>
      <c r="P35" s="444"/>
      <c r="Q35" s="444"/>
      <c r="R35" s="444"/>
      <c r="S35" s="444"/>
      <c r="T35" s="444"/>
      <c r="U35" s="444"/>
      <c r="V35" s="444"/>
      <c r="W35" s="444"/>
      <c r="X35" s="444"/>
      <c r="Y35" s="444"/>
      <c r="Z35" s="444"/>
      <c r="AA35" s="445"/>
    </row>
    <row r="36" spans="1:27" ht="37.5" customHeight="1" x14ac:dyDescent="0.55000000000000004">
      <c r="A36" s="471"/>
      <c r="B36" s="476" t="s">
        <v>5</v>
      </c>
      <c r="C36" s="447"/>
      <c r="D36" s="448"/>
      <c r="E36" s="448"/>
      <c r="F36" s="448"/>
      <c r="G36" s="448"/>
      <c r="H36" s="448"/>
      <c r="I36" s="448"/>
      <c r="J36" s="448"/>
      <c r="K36" s="448"/>
      <c r="L36" s="448"/>
      <c r="M36" s="448"/>
      <c r="N36" s="448"/>
      <c r="O36" s="448"/>
      <c r="P36" s="448"/>
      <c r="Q36" s="448"/>
      <c r="R36" s="448"/>
      <c r="S36" s="448"/>
      <c r="T36" s="448"/>
      <c r="U36" s="448"/>
      <c r="V36" s="448"/>
      <c r="W36" s="448"/>
      <c r="X36" s="448"/>
      <c r="Y36" s="448"/>
      <c r="Z36" s="448"/>
      <c r="AA36" s="449"/>
    </row>
    <row r="37" spans="1:27" ht="37.5" customHeight="1" x14ac:dyDescent="0.55000000000000004">
      <c r="A37" s="471"/>
      <c r="B37" s="477"/>
      <c r="C37" s="456"/>
      <c r="D37" s="457"/>
      <c r="E37" s="457"/>
      <c r="F37" s="457"/>
      <c r="G37" s="457"/>
      <c r="H37" s="457"/>
      <c r="I37" s="457"/>
      <c r="J37" s="457"/>
      <c r="K37" s="457"/>
      <c r="L37" s="457"/>
      <c r="M37" s="457"/>
      <c r="N37" s="457"/>
      <c r="O37" s="457"/>
      <c r="P37" s="457"/>
      <c r="Q37" s="457"/>
      <c r="R37" s="457"/>
      <c r="S37" s="457"/>
      <c r="T37" s="457"/>
      <c r="U37" s="457"/>
      <c r="V37" s="457"/>
      <c r="W37" s="457"/>
      <c r="X37" s="457"/>
      <c r="Y37" s="457"/>
      <c r="Z37" s="457"/>
      <c r="AA37" s="458"/>
    </row>
    <row r="38" spans="1:27" ht="37.5" customHeight="1" x14ac:dyDescent="0.55000000000000004">
      <c r="A38" s="471"/>
      <c r="B38" s="477"/>
      <c r="C38" s="423"/>
      <c r="D38" s="424"/>
      <c r="E38" s="424"/>
      <c r="F38" s="424"/>
      <c r="G38" s="424"/>
      <c r="H38" s="424"/>
      <c r="I38" s="424"/>
      <c r="J38" s="424"/>
      <c r="K38" s="424"/>
      <c r="L38" s="424"/>
      <c r="M38" s="424"/>
      <c r="N38" s="424"/>
      <c r="O38" s="424"/>
      <c r="P38" s="424"/>
      <c r="Q38" s="424"/>
      <c r="R38" s="424"/>
      <c r="S38" s="424"/>
      <c r="T38" s="424"/>
      <c r="U38" s="424"/>
      <c r="V38" s="424"/>
      <c r="W38" s="424"/>
      <c r="X38" s="424"/>
      <c r="Y38" s="424"/>
      <c r="Z38" s="424"/>
      <c r="AA38" s="425"/>
    </row>
    <row r="39" spans="1:27" ht="37.5" customHeight="1" x14ac:dyDescent="0.55000000000000004">
      <c r="A39" s="472"/>
      <c r="B39" s="478"/>
      <c r="C39" s="426"/>
      <c r="D39" s="427"/>
      <c r="E39" s="427"/>
      <c r="F39" s="427"/>
      <c r="G39" s="427"/>
      <c r="H39" s="427"/>
      <c r="I39" s="427"/>
      <c r="J39" s="427"/>
      <c r="K39" s="427"/>
      <c r="L39" s="427"/>
      <c r="M39" s="427"/>
      <c r="N39" s="427"/>
      <c r="O39" s="427"/>
      <c r="P39" s="427"/>
      <c r="Q39" s="427"/>
      <c r="R39" s="427"/>
      <c r="S39" s="427"/>
      <c r="T39" s="427"/>
      <c r="U39" s="427"/>
      <c r="V39" s="427"/>
      <c r="W39" s="427"/>
      <c r="X39" s="427"/>
      <c r="Y39" s="427"/>
      <c r="Z39" s="427"/>
      <c r="AA39" s="428"/>
    </row>
    <row r="40" spans="1:27" ht="37.5" customHeight="1" x14ac:dyDescent="0.55000000000000004"/>
    <row r="44" spans="1:27" ht="29" customHeight="1" x14ac:dyDescent="0.55000000000000004"/>
    <row r="53" spans="2:2" ht="28.5" customHeight="1" x14ac:dyDescent="0.55000000000000004"/>
    <row r="63" spans="2:2" ht="28.5" customHeight="1"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row r="71" spans="2:2" x14ac:dyDescent="0.55000000000000004">
      <c r="B71" s="63"/>
    </row>
  </sheetData>
  <dataConsolidate/>
  <mergeCells count="94">
    <mergeCell ref="A16:A21"/>
    <mergeCell ref="A6:A15"/>
    <mergeCell ref="A3:A5"/>
    <mergeCell ref="C29:AA29"/>
    <mergeCell ref="C30:AA30"/>
    <mergeCell ref="A22:A39"/>
    <mergeCell ref="B36:B39"/>
    <mergeCell ref="B32:B35"/>
    <mergeCell ref="B26:B31"/>
    <mergeCell ref="B22:B25"/>
    <mergeCell ref="M17:N17"/>
    <mergeCell ref="O17:P17"/>
    <mergeCell ref="Q17:R17"/>
    <mergeCell ref="C16:D16"/>
    <mergeCell ref="E16:F16"/>
    <mergeCell ref="G16:H16"/>
    <mergeCell ref="A1:AA1"/>
    <mergeCell ref="A2:AA2"/>
    <mergeCell ref="B3:F3"/>
    <mergeCell ref="B4:F4"/>
    <mergeCell ref="B7:B15"/>
    <mergeCell ref="S6:T6"/>
    <mergeCell ref="U6:V6"/>
    <mergeCell ref="C6:D6"/>
    <mergeCell ref="E6:F6"/>
    <mergeCell ref="G6:H6"/>
    <mergeCell ref="I6:J6"/>
    <mergeCell ref="K6:L6"/>
    <mergeCell ref="W6:AA6"/>
    <mergeCell ref="W7:AA15"/>
    <mergeCell ref="B5:F5"/>
    <mergeCell ref="G3:AA3"/>
    <mergeCell ref="C37:AA37"/>
    <mergeCell ref="C17:D17"/>
    <mergeCell ref="E17:F17"/>
    <mergeCell ref="I20:J20"/>
    <mergeCell ref="K20:L20"/>
    <mergeCell ref="C19:D19"/>
    <mergeCell ref="E19:F19"/>
    <mergeCell ref="K19:L19"/>
    <mergeCell ref="M19:N19"/>
    <mergeCell ref="E20:F20"/>
    <mergeCell ref="G17:H17"/>
    <mergeCell ref="I17:J17"/>
    <mergeCell ref="C31:AA31"/>
    <mergeCell ref="C32:AA32"/>
    <mergeCell ref="C33:AA33"/>
    <mergeCell ref="C24:AA24"/>
    <mergeCell ref="U16:V16"/>
    <mergeCell ref="W16:AA16"/>
    <mergeCell ref="C36:AA36"/>
    <mergeCell ref="I16:J16"/>
    <mergeCell ref="K16:L16"/>
    <mergeCell ref="M16:N16"/>
    <mergeCell ref="O16:P16"/>
    <mergeCell ref="Q16:R16"/>
    <mergeCell ref="C25:AA25"/>
    <mergeCell ref="C26:AA26"/>
    <mergeCell ref="C27:AA27"/>
    <mergeCell ref="C28:AA28"/>
    <mergeCell ref="I19:J19"/>
    <mergeCell ref="K17:L17"/>
    <mergeCell ref="C38:AA38"/>
    <mergeCell ref="C39:AA39"/>
    <mergeCell ref="W20:AA20"/>
    <mergeCell ref="C21:V21"/>
    <mergeCell ref="W21:AA21"/>
    <mergeCell ref="C22:AA22"/>
    <mergeCell ref="C23:AA23"/>
    <mergeCell ref="M20:N20"/>
    <mergeCell ref="O20:P20"/>
    <mergeCell ref="Q20:R20"/>
    <mergeCell ref="S20:T20"/>
    <mergeCell ref="U20:V20"/>
    <mergeCell ref="C20:D20"/>
    <mergeCell ref="C34:AA34"/>
    <mergeCell ref="C35:AA35"/>
    <mergeCell ref="G20:H20"/>
    <mergeCell ref="G4:AA4"/>
    <mergeCell ref="G5:AA5"/>
    <mergeCell ref="W19:AA19"/>
    <mergeCell ref="S17:T17"/>
    <mergeCell ref="U17:V17"/>
    <mergeCell ref="O19:P19"/>
    <mergeCell ref="Q19:R19"/>
    <mergeCell ref="S19:T19"/>
    <mergeCell ref="U19:V19"/>
    <mergeCell ref="M6:N6"/>
    <mergeCell ref="O6:P6"/>
    <mergeCell ref="Q6:R6"/>
    <mergeCell ref="W17:AA17"/>
    <mergeCell ref="W18:AA18"/>
    <mergeCell ref="G19:H19"/>
    <mergeCell ref="S16:T16"/>
  </mergeCells>
  <phoneticPr fontId="1"/>
  <printOptions horizontalCentered="1" verticalCentered="1"/>
  <pageMargins left="0.70866141732283472" right="0.70866141732283472" top="0.74803149606299213" bottom="0.74803149606299213" header="0.31496062992125984" footer="0.31496062992125984"/>
  <pageSetup paperSize="9" scale="51" fitToWidth="0" fitToHeight="0" orientation="portrait" r:id="rId1"/>
  <colBreaks count="1" manualBreakCount="1">
    <brk id="27" max="1048575" man="1"/>
  </colBreaks>
  <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C$1:$C$8</xm:f>
          </x14:formula1>
          <xm:sqref>C26:AA31</xm:sqref>
        </x14:dataValidation>
        <x14:dataValidation type="list" allowBlank="1" showInputMessage="1" showErrorMessage="1">
          <x14:formula1>
            <xm:f>リスト!$B$1:$B$4</xm:f>
          </x14:formula1>
          <xm:sqref>C22:AA25</xm:sqref>
        </x14:dataValidation>
        <x14:dataValidation type="list" allowBlank="1" showInputMessage="1" showErrorMessage="1">
          <x14:formula1>
            <xm:f>リスト!$F$1:$F$9</xm:f>
          </x14:formula1>
          <xm:sqref>C32:AA35</xm:sqref>
        </x14:dataValidation>
        <x14:dataValidation type="list" allowBlank="1" showInputMessage="1" showErrorMessage="1">
          <x14:formula1>
            <xm:f>リスト!$G$1:$G$6</xm:f>
          </x14:formula1>
          <xm:sqref>C36:AA39</xm:sqref>
        </x14:dataValidation>
      </x14:dataValidations>
    </ext>
  </extLst>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FF00"/>
  </sheetPr>
  <dimension ref="A1:AA71"/>
  <sheetViews>
    <sheetView zoomScale="70" zoomScaleNormal="70" workbookViewId="0">
      <selection activeCell="A2" sqref="A2:AA2"/>
    </sheetView>
  </sheetViews>
  <sheetFormatPr defaultRowHeight="18" x14ac:dyDescent="0.55000000000000004"/>
  <cols>
    <col min="2" max="2" width="8.25" customWidth="1"/>
    <col min="3" max="22" width="4.4140625" customWidth="1"/>
    <col min="23" max="27" width="8.25" customWidth="1"/>
  </cols>
  <sheetData>
    <row r="1" spans="1:27" ht="42" customHeight="1" x14ac:dyDescent="0.55000000000000004">
      <c r="A1" s="459" t="s">
        <v>101</v>
      </c>
      <c r="B1" s="459"/>
      <c r="C1" s="459"/>
      <c r="D1" s="459"/>
      <c r="E1" s="459"/>
      <c r="F1" s="459"/>
      <c r="G1" s="459"/>
      <c r="H1" s="459"/>
      <c r="I1" s="459"/>
      <c r="J1" s="459"/>
      <c r="K1" s="459"/>
      <c r="L1" s="459"/>
      <c r="M1" s="459"/>
      <c r="N1" s="459"/>
      <c r="O1" s="459"/>
      <c r="P1" s="459"/>
      <c r="Q1" s="459"/>
      <c r="R1" s="459"/>
      <c r="S1" s="459"/>
      <c r="T1" s="459"/>
      <c r="U1" s="459"/>
      <c r="V1" s="459"/>
      <c r="W1" s="459"/>
      <c r="X1" s="459"/>
      <c r="Y1" s="459"/>
      <c r="Z1" s="459"/>
      <c r="AA1" s="459"/>
    </row>
    <row r="2" spans="1:27" ht="143.5" customHeight="1" x14ac:dyDescent="0.55000000000000004">
      <c r="A2" s="460" t="s">
        <v>356</v>
      </c>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2"/>
    </row>
    <row r="3" spans="1:27" ht="71.5" customHeight="1" x14ac:dyDescent="0.55000000000000004">
      <c r="A3" s="473" t="s">
        <v>76</v>
      </c>
      <c r="B3" s="463" t="s">
        <v>102</v>
      </c>
      <c r="C3" s="464"/>
      <c r="D3" s="464"/>
      <c r="E3" s="464"/>
      <c r="F3" s="465"/>
      <c r="G3" s="413" t="s">
        <v>367</v>
      </c>
      <c r="H3" s="414"/>
      <c r="I3" s="414"/>
      <c r="J3" s="414"/>
      <c r="K3" s="414"/>
      <c r="L3" s="414"/>
      <c r="M3" s="414"/>
      <c r="N3" s="414"/>
      <c r="O3" s="414"/>
      <c r="P3" s="414"/>
      <c r="Q3" s="414"/>
      <c r="R3" s="414"/>
      <c r="S3" s="414"/>
      <c r="T3" s="414"/>
      <c r="U3" s="414"/>
      <c r="V3" s="414"/>
      <c r="W3" s="414"/>
      <c r="X3" s="414"/>
      <c r="Y3" s="414"/>
      <c r="Z3" s="414"/>
      <c r="AA3" s="415"/>
    </row>
    <row r="4" spans="1:27" ht="44" customHeight="1" x14ac:dyDescent="0.55000000000000004">
      <c r="A4" s="474"/>
      <c r="B4" s="463" t="s">
        <v>77</v>
      </c>
      <c r="C4" s="464"/>
      <c r="D4" s="464"/>
      <c r="E4" s="464"/>
      <c r="F4" s="465"/>
      <c r="G4" s="413" t="s">
        <v>371</v>
      </c>
      <c r="H4" s="414"/>
      <c r="I4" s="414"/>
      <c r="J4" s="414"/>
      <c r="K4" s="414"/>
      <c r="L4" s="414"/>
      <c r="M4" s="414"/>
      <c r="N4" s="414"/>
      <c r="O4" s="414"/>
      <c r="P4" s="414"/>
      <c r="Q4" s="414"/>
      <c r="R4" s="414"/>
      <c r="S4" s="414"/>
      <c r="T4" s="414"/>
      <c r="U4" s="414"/>
      <c r="V4" s="414"/>
      <c r="W4" s="414"/>
      <c r="X4" s="414"/>
      <c r="Y4" s="414"/>
      <c r="Z4" s="414"/>
      <c r="AA4" s="415"/>
    </row>
    <row r="5" spans="1:27" ht="66.5" customHeight="1" x14ac:dyDescent="0.55000000000000004">
      <c r="A5" s="475"/>
      <c r="B5" s="463" t="s">
        <v>78</v>
      </c>
      <c r="C5" s="464"/>
      <c r="D5" s="464"/>
      <c r="E5" s="464"/>
      <c r="F5" s="465"/>
      <c r="G5" s="413" t="s">
        <v>372</v>
      </c>
      <c r="H5" s="414"/>
      <c r="I5" s="414"/>
      <c r="J5" s="414"/>
      <c r="K5" s="414"/>
      <c r="L5" s="414"/>
      <c r="M5" s="414"/>
      <c r="N5" s="414"/>
      <c r="O5" s="414"/>
      <c r="P5" s="414"/>
      <c r="Q5" s="414"/>
      <c r="R5" s="414"/>
      <c r="S5" s="414"/>
      <c r="T5" s="414"/>
      <c r="U5" s="414"/>
      <c r="V5" s="414"/>
      <c r="W5" s="414"/>
      <c r="X5" s="414"/>
      <c r="Y5" s="414"/>
      <c r="Z5" s="414"/>
      <c r="AA5" s="415"/>
    </row>
    <row r="6" spans="1:27" ht="23" customHeight="1" x14ac:dyDescent="0.55000000000000004">
      <c r="A6" s="470" t="s">
        <v>361</v>
      </c>
      <c r="B6" s="231" t="s">
        <v>80</v>
      </c>
      <c r="C6" s="421">
        <v>1</v>
      </c>
      <c r="D6" s="422"/>
      <c r="E6" s="421">
        <v>2</v>
      </c>
      <c r="F6" s="422"/>
      <c r="G6" s="421">
        <v>3</v>
      </c>
      <c r="H6" s="422"/>
      <c r="I6" s="421">
        <v>4</v>
      </c>
      <c r="J6" s="422"/>
      <c r="K6" s="421">
        <v>5</v>
      </c>
      <c r="L6" s="422"/>
      <c r="M6" s="421">
        <v>6</v>
      </c>
      <c r="N6" s="422"/>
      <c r="O6" s="421">
        <v>7</v>
      </c>
      <c r="P6" s="422"/>
      <c r="Q6" s="421">
        <v>8</v>
      </c>
      <c r="R6" s="422"/>
      <c r="S6" s="421">
        <v>9</v>
      </c>
      <c r="T6" s="422"/>
      <c r="U6" s="421">
        <v>10</v>
      </c>
      <c r="V6" s="422"/>
      <c r="W6" s="446" t="s">
        <v>99</v>
      </c>
      <c r="X6" s="446"/>
      <c r="Y6" s="446"/>
      <c r="Z6" s="446"/>
      <c r="AA6" s="446"/>
    </row>
    <row r="7" spans="1:27" ht="23" customHeight="1" x14ac:dyDescent="0.55000000000000004">
      <c r="A7" s="471"/>
      <c r="B7" s="466" t="s">
        <v>88</v>
      </c>
      <c r="C7" s="232"/>
      <c r="D7" s="233"/>
      <c r="E7" s="233"/>
      <c r="F7" s="233"/>
      <c r="G7" s="233"/>
      <c r="H7" s="233"/>
      <c r="I7" s="233"/>
      <c r="J7" s="233"/>
      <c r="K7" s="233"/>
      <c r="L7" s="233"/>
      <c r="M7" s="233"/>
      <c r="N7" s="233"/>
      <c r="O7" s="233"/>
      <c r="P7" s="233"/>
      <c r="Q7" s="233"/>
      <c r="R7" s="233"/>
      <c r="S7" s="233"/>
      <c r="T7" s="233"/>
      <c r="U7" s="233"/>
      <c r="V7" s="234"/>
      <c r="W7" s="468" t="s">
        <v>362</v>
      </c>
      <c r="X7" s="469"/>
      <c r="Y7" s="469"/>
      <c r="Z7" s="469"/>
      <c r="AA7" s="469"/>
    </row>
    <row r="8" spans="1:27" ht="23" customHeight="1" x14ac:dyDescent="0.55000000000000004">
      <c r="A8" s="471"/>
      <c r="B8" s="467"/>
      <c r="C8" s="235"/>
      <c r="D8" s="236"/>
      <c r="E8" s="236"/>
      <c r="F8" s="236"/>
      <c r="G8" s="236"/>
      <c r="H8" s="236"/>
      <c r="I8" s="236"/>
      <c r="J8" s="236"/>
      <c r="K8" s="236"/>
      <c r="L8" s="236"/>
      <c r="M8" s="236"/>
      <c r="N8" s="236"/>
      <c r="O8" s="236"/>
      <c r="P8" s="236"/>
      <c r="Q8" s="236"/>
      <c r="R8" s="236"/>
      <c r="S8" s="236"/>
      <c r="T8" s="236"/>
      <c r="U8" s="236"/>
      <c r="V8" s="237"/>
      <c r="W8" s="469"/>
      <c r="X8" s="469"/>
      <c r="Y8" s="469"/>
      <c r="Z8" s="469"/>
      <c r="AA8" s="469"/>
    </row>
    <row r="9" spans="1:27" ht="23" customHeight="1" x14ac:dyDescent="0.55000000000000004">
      <c r="A9" s="471"/>
      <c r="B9" s="467"/>
      <c r="C9" s="235"/>
      <c r="D9" s="236"/>
      <c r="E9" s="236"/>
      <c r="F9" s="236"/>
      <c r="G9" s="236"/>
      <c r="H9" s="236"/>
      <c r="I9" s="236"/>
      <c r="J9" s="236"/>
      <c r="K9" s="236"/>
      <c r="L9" s="236"/>
      <c r="M9" s="236"/>
      <c r="N9" s="236"/>
      <c r="O9" s="236"/>
      <c r="P9" s="236"/>
      <c r="Q9" s="236"/>
      <c r="R9" s="236"/>
      <c r="S9" s="236"/>
      <c r="T9" s="236"/>
      <c r="U9" s="236"/>
      <c r="V9" s="237"/>
      <c r="W9" s="469"/>
      <c r="X9" s="469"/>
      <c r="Y9" s="469"/>
      <c r="Z9" s="469"/>
      <c r="AA9" s="469"/>
    </row>
    <row r="10" spans="1:27" ht="23" customHeight="1" x14ac:dyDescent="0.55000000000000004">
      <c r="A10" s="471"/>
      <c r="B10" s="467"/>
      <c r="C10" s="235"/>
      <c r="D10" s="236"/>
      <c r="E10" s="236"/>
      <c r="F10" s="236"/>
      <c r="G10" s="236"/>
      <c r="H10" s="236"/>
      <c r="I10" s="236"/>
      <c r="J10" s="236"/>
      <c r="K10" s="236"/>
      <c r="L10" s="236"/>
      <c r="M10" s="236"/>
      <c r="N10" s="236"/>
      <c r="O10" s="236"/>
      <c r="P10" s="236"/>
      <c r="Q10" s="236"/>
      <c r="R10" s="236"/>
      <c r="S10" s="236"/>
      <c r="T10" s="236"/>
      <c r="U10" s="236"/>
      <c r="V10" s="237"/>
      <c r="W10" s="469"/>
      <c r="X10" s="469"/>
      <c r="Y10" s="469"/>
      <c r="Z10" s="469"/>
      <c r="AA10" s="469"/>
    </row>
    <row r="11" spans="1:27" ht="23" customHeight="1" x14ac:dyDescent="0.55000000000000004">
      <c r="A11" s="471"/>
      <c r="B11" s="467"/>
      <c r="C11" s="235"/>
      <c r="D11" s="236"/>
      <c r="E11" s="236"/>
      <c r="F11" s="236"/>
      <c r="G11" s="236"/>
      <c r="H11" s="236"/>
      <c r="I11" s="236"/>
      <c r="J11" s="236"/>
      <c r="K11" s="236"/>
      <c r="L11" s="236"/>
      <c r="M11" s="236"/>
      <c r="N11" s="236"/>
      <c r="O11" s="236"/>
      <c r="P11" s="236"/>
      <c r="Q11" s="236"/>
      <c r="R11" s="236"/>
      <c r="S11" s="236"/>
      <c r="T11" s="236"/>
      <c r="U11" s="236"/>
      <c r="V11" s="237"/>
      <c r="W11" s="469"/>
      <c r="X11" s="469"/>
      <c r="Y11" s="469"/>
      <c r="Z11" s="469"/>
      <c r="AA11" s="469"/>
    </row>
    <row r="12" spans="1:27" ht="23" customHeight="1" x14ac:dyDescent="0.55000000000000004">
      <c r="A12" s="471"/>
      <c r="B12" s="467"/>
      <c r="C12" s="235"/>
      <c r="D12" s="236"/>
      <c r="E12" s="236"/>
      <c r="F12" s="236"/>
      <c r="G12" s="236"/>
      <c r="H12" s="236"/>
      <c r="I12" s="236"/>
      <c r="J12" s="236"/>
      <c r="K12" s="236"/>
      <c r="L12" s="236"/>
      <c r="M12" s="236"/>
      <c r="N12" s="236"/>
      <c r="O12" s="236"/>
      <c r="P12" s="236"/>
      <c r="Q12" s="236"/>
      <c r="R12" s="236"/>
      <c r="S12" s="236"/>
      <c r="T12" s="236"/>
      <c r="U12" s="236"/>
      <c r="V12" s="237"/>
      <c r="W12" s="469"/>
      <c r="X12" s="469"/>
      <c r="Y12" s="469"/>
      <c r="Z12" s="469"/>
      <c r="AA12" s="469"/>
    </row>
    <row r="13" spans="1:27" ht="23" customHeight="1" x14ac:dyDescent="0.55000000000000004">
      <c r="A13" s="471"/>
      <c r="B13" s="467"/>
      <c r="C13" s="235"/>
      <c r="D13" s="236"/>
      <c r="E13" s="236"/>
      <c r="F13" s="236"/>
      <c r="G13" s="236"/>
      <c r="H13" s="236"/>
      <c r="I13" s="236"/>
      <c r="J13" s="236"/>
      <c r="K13" s="236"/>
      <c r="L13" s="236"/>
      <c r="M13" s="236"/>
      <c r="N13" s="236"/>
      <c r="O13" s="236"/>
      <c r="P13" s="236"/>
      <c r="Q13" s="236"/>
      <c r="R13" s="236"/>
      <c r="S13" s="236"/>
      <c r="T13" s="236"/>
      <c r="U13" s="236"/>
      <c r="V13" s="237"/>
      <c r="W13" s="469"/>
      <c r="X13" s="469"/>
      <c r="Y13" s="469"/>
      <c r="Z13" s="469"/>
      <c r="AA13" s="469"/>
    </row>
    <row r="14" spans="1:27" ht="23" customHeight="1" x14ac:dyDescent="0.55000000000000004">
      <c r="A14" s="471"/>
      <c r="B14" s="467"/>
      <c r="C14" s="235"/>
      <c r="D14" s="236"/>
      <c r="E14" s="236"/>
      <c r="F14" s="236"/>
      <c r="G14" s="236"/>
      <c r="H14" s="236"/>
      <c r="I14" s="236"/>
      <c r="J14" s="236"/>
      <c r="K14" s="236"/>
      <c r="L14" s="236"/>
      <c r="M14" s="236"/>
      <c r="N14" s="236"/>
      <c r="O14" s="236"/>
      <c r="P14" s="236"/>
      <c r="Q14" s="236"/>
      <c r="R14" s="236"/>
      <c r="S14" s="236"/>
      <c r="T14" s="236"/>
      <c r="U14" s="236"/>
      <c r="V14" s="237"/>
      <c r="W14" s="469"/>
      <c r="X14" s="469"/>
      <c r="Y14" s="469"/>
      <c r="Z14" s="469"/>
      <c r="AA14" s="469"/>
    </row>
    <row r="15" spans="1:27" ht="23" customHeight="1" x14ac:dyDescent="0.55000000000000004">
      <c r="A15" s="472"/>
      <c r="B15" s="467"/>
      <c r="C15" s="235"/>
      <c r="D15" s="236"/>
      <c r="E15" s="236"/>
      <c r="F15" s="236"/>
      <c r="G15" s="236"/>
      <c r="H15" s="236"/>
      <c r="I15" s="236"/>
      <c r="J15" s="236"/>
      <c r="K15" s="236"/>
      <c r="L15" s="236"/>
      <c r="M15" s="236"/>
      <c r="N15" s="236"/>
      <c r="O15" s="236"/>
      <c r="P15" s="236"/>
      <c r="Q15" s="236"/>
      <c r="R15" s="236"/>
      <c r="S15" s="236"/>
      <c r="T15" s="236"/>
      <c r="U15" s="238"/>
      <c r="V15" s="237"/>
      <c r="W15" s="469"/>
      <c r="X15" s="469"/>
      <c r="Y15" s="469"/>
      <c r="Z15" s="469"/>
      <c r="AA15" s="469"/>
    </row>
    <row r="16" spans="1:27" ht="23" customHeight="1" x14ac:dyDescent="0.55000000000000004">
      <c r="A16" s="470" t="s">
        <v>347</v>
      </c>
      <c r="B16" s="231"/>
      <c r="C16" s="421">
        <v>1</v>
      </c>
      <c r="D16" s="422"/>
      <c r="E16" s="421">
        <v>2</v>
      </c>
      <c r="F16" s="422"/>
      <c r="G16" s="421">
        <v>3</v>
      </c>
      <c r="H16" s="422"/>
      <c r="I16" s="421">
        <v>4</v>
      </c>
      <c r="J16" s="422"/>
      <c r="K16" s="421">
        <v>5</v>
      </c>
      <c r="L16" s="422"/>
      <c r="M16" s="421">
        <v>6</v>
      </c>
      <c r="N16" s="422"/>
      <c r="O16" s="421">
        <v>7</v>
      </c>
      <c r="P16" s="422"/>
      <c r="Q16" s="421">
        <v>8</v>
      </c>
      <c r="R16" s="422"/>
      <c r="S16" s="421">
        <v>9</v>
      </c>
      <c r="T16" s="422"/>
      <c r="U16" s="421">
        <v>10</v>
      </c>
      <c r="V16" s="422"/>
      <c r="W16" s="446" t="s">
        <v>100</v>
      </c>
      <c r="X16" s="446"/>
      <c r="Y16" s="446"/>
      <c r="Z16" s="446"/>
      <c r="AA16" s="446"/>
    </row>
    <row r="17" spans="1:27" ht="23" customHeight="1" x14ac:dyDescent="0.55000000000000004">
      <c r="A17" s="471"/>
      <c r="B17" s="168" t="s">
        <v>82</v>
      </c>
      <c r="C17" s="417">
        <f>【手順２】ゴール型!X32</f>
        <v>0</v>
      </c>
      <c r="D17" s="418"/>
      <c r="E17" s="417">
        <f>【手順２】ゴール型!Z32</f>
        <v>0</v>
      </c>
      <c r="F17" s="418"/>
      <c r="G17" s="417">
        <f>【手順２】ゴール型!AB32</f>
        <v>0</v>
      </c>
      <c r="H17" s="418"/>
      <c r="I17" s="417">
        <f>【手順２】ゴール型!AD32</f>
        <v>0</v>
      </c>
      <c r="J17" s="418"/>
      <c r="K17" s="417">
        <f>【手順２】ゴール型!AF32</f>
        <v>0</v>
      </c>
      <c r="L17" s="418"/>
      <c r="M17" s="417">
        <f>【手順２】ゴール型!AH32</f>
        <v>0</v>
      </c>
      <c r="N17" s="418"/>
      <c r="O17" s="417">
        <f>【手順２】ゴール型!AJ32</f>
        <v>0</v>
      </c>
      <c r="P17" s="418"/>
      <c r="Q17" s="417">
        <f>【手順２】ゴール型!AL32</f>
        <v>0</v>
      </c>
      <c r="R17" s="418"/>
      <c r="S17" s="417">
        <f>【手順２】ゴール型!AN32</f>
        <v>0</v>
      </c>
      <c r="T17" s="418"/>
      <c r="U17" s="417">
        <f>【手順２】ゴール型!AP32</f>
        <v>0</v>
      </c>
      <c r="V17" s="418"/>
      <c r="W17" s="416"/>
      <c r="X17" s="416"/>
      <c r="Y17" s="416"/>
      <c r="Z17" s="416"/>
      <c r="AA17" s="416"/>
    </row>
    <row r="18" spans="1:27" ht="23" customHeight="1" x14ac:dyDescent="0.55000000000000004">
      <c r="A18" s="471"/>
      <c r="B18" s="92" t="s">
        <v>83</v>
      </c>
      <c r="C18" s="239">
        <f>【手順２】ゴール型!X33</f>
        <v>0</v>
      </c>
      <c r="D18" s="240">
        <f>【手順２】ゴール型!Y33</f>
        <v>0</v>
      </c>
      <c r="E18" s="239">
        <f>【手順２】ゴール型!Z33</f>
        <v>0</v>
      </c>
      <c r="F18" s="240">
        <f>【手順２】ゴール型!AA33</f>
        <v>0</v>
      </c>
      <c r="G18" s="239">
        <f>【手順２】ゴール型!AB33</f>
        <v>0</v>
      </c>
      <c r="H18" s="240">
        <f>【手順２】ゴール型!AC33</f>
        <v>0</v>
      </c>
      <c r="I18" s="241">
        <f>【手順２】ゴール型!AD33</f>
        <v>0</v>
      </c>
      <c r="J18" s="242">
        <f>【手順２】ゴール型!AE33</f>
        <v>0</v>
      </c>
      <c r="K18" s="239">
        <f>【手順２】ゴール型!AF33</f>
        <v>0</v>
      </c>
      <c r="L18" s="240">
        <f>【手順２】ゴール型!AG33</f>
        <v>0</v>
      </c>
      <c r="M18" s="239">
        <f>【手順２】ゴール型!AH33</f>
        <v>0</v>
      </c>
      <c r="N18" s="240">
        <f>【手順２】ゴール型!AI33</f>
        <v>0</v>
      </c>
      <c r="O18" s="241">
        <f>【手順２】ゴール型!AJ33</f>
        <v>0</v>
      </c>
      <c r="P18" s="242">
        <f>【手順２】ゴール型!AK33</f>
        <v>0</v>
      </c>
      <c r="Q18" s="241">
        <f>【手順２】ゴール型!AL33</f>
        <v>0</v>
      </c>
      <c r="R18" s="242">
        <f>【手順２】ゴール型!AM33</f>
        <v>0</v>
      </c>
      <c r="S18" s="241">
        <f>【手順２】ゴール型!AN33</f>
        <v>0</v>
      </c>
      <c r="T18" s="242">
        <f>【手順２】ゴール型!AO33</f>
        <v>0</v>
      </c>
      <c r="U18" s="239">
        <f>【手順２】ゴール型!AP33</f>
        <v>0</v>
      </c>
      <c r="V18" s="240">
        <f>【手順２】ゴール型!AQ33</f>
        <v>0</v>
      </c>
      <c r="W18" s="416"/>
      <c r="X18" s="416"/>
      <c r="Y18" s="416"/>
      <c r="Z18" s="416"/>
      <c r="AA18" s="416"/>
    </row>
    <row r="19" spans="1:27" ht="23" customHeight="1" x14ac:dyDescent="0.55000000000000004">
      <c r="A19" s="471"/>
      <c r="B19" s="231" t="s">
        <v>84</v>
      </c>
      <c r="C19" s="419">
        <f>【手順２】ゴール型!X34</f>
        <v>0</v>
      </c>
      <c r="D19" s="420"/>
      <c r="E19" s="419">
        <f>【手順２】ゴール型!Z34</f>
        <v>0</v>
      </c>
      <c r="F19" s="420"/>
      <c r="G19" s="419">
        <f>【手順２】ゴール型!AB34</f>
        <v>0</v>
      </c>
      <c r="H19" s="420"/>
      <c r="I19" s="419">
        <f>【手順２】ゴール型!AD34</f>
        <v>0</v>
      </c>
      <c r="J19" s="420"/>
      <c r="K19" s="419">
        <f>【手順２】ゴール型!AF34</f>
        <v>0</v>
      </c>
      <c r="L19" s="420"/>
      <c r="M19" s="419">
        <f>【手順２】ゴール型!AH34</f>
        <v>0</v>
      </c>
      <c r="N19" s="420"/>
      <c r="O19" s="419">
        <f>【手順２】ゴール型!AJ34</f>
        <v>0</v>
      </c>
      <c r="P19" s="420"/>
      <c r="Q19" s="419">
        <f>【手順２】ゴール型!AL34</f>
        <v>0</v>
      </c>
      <c r="R19" s="420"/>
      <c r="S19" s="419">
        <f>【手順２】ゴール型!AN34</f>
        <v>0</v>
      </c>
      <c r="T19" s="420"/>
      <c r="U19" s="419">
        <f>【手順２】ゴール型!AP34</f>
        <v>0</v>
      </c>
      <c r="V19" s="420"/>
      <c r="W19" s="416"/>
      <c r="X19" s="416"/>
      <c r="Y19" s="416"/>
      <c r="Z19" s="416"/>
      <c r="AA19" s="416"/>
    </row>
    <row r="20" spans="1:27" ht="23" customHeight="1" x14ac:dyDescent="0.55000000000000004">
      <c r="A20" s="471"/>
      <c r="B20" s="231" t="s">
        <v>85</v>
      </c>
      <c r="C20" s="439">
        <f>【手順２】ゴール型!X35</f>
        <v>0</v>
      </c>
      <c r="D20" s="439"/>
      <c r="E20" s="439">
        <f>【手順２】ゴール型!Z35</f>
        <v>0</v>
      </c>
      <c r="F20" s="439"/>
      <c r="G20" s="439">
        <f>【手順２】ゴール型!AB35</f>
        <v>0</v>
      </c>
      <c r="H20" s="439"/>
      <c r="I20" s="439">
        <f>【手順２】ゴール型!AD35</f>
        <v>0</v>
      </c>
      <c r="J20" s="439"/>
      <c r="K20" s="439">
        <f>【手順２】ゴール型!AF35</f>
        <v>0</v>
      </c>
      <c r="L20" s="439"/>
      <c r="M20" s="439">
        <f>【手順２】ゴール型!AH35</f>
        <v>0</v>
      </c>
      <c r="N20" s="439"/>
      <c r="O20" s="439">
        <f>【手順２】ゴール型!AJ35</f>
        <v>0</v>
      </c>
      <c r="P20" s="439"/>
      <c r="Q20" s="439">
        <f>【手順２】ゴール型!AL35</f>
        <v>0</v>
      </c>
      <c r="R20" s="439"/>
      <c r="S20" s="439">
        <f>【手順２】ゴール型!AN35</f>
        <v>0</v>
      </c>
      <c r="T20" s="439"/>
      <c r="U20" s="439">
        <f>【手順２】ゴール型!AP35</f>
        <v>0</v>
      </c>
      <c r="V20" s="439"/>
      <c r="W20" s="483"/>
      <c r="X20" s="416"/>
      <c r="Y20" s="416"/>
      <c r="Z20" s="416"/>
      <c r="AA20" s="416"/>
    </row>
    <row r="21" spans="1:27" ht="23" customHeight="1" x14ac:dyDescent="0.55000000000000004">
      <c r="A21" s="472"/>
      <c r="B21" s="204"/>
      <c r="C21" s="419" t="s">
        <v>327</v>
      </c>
      <c r="D21" s="429"/>
      <c r="E21" s="429"/>
      <c r="F21" s="429"/>
      <c r="G21" s="429"/>
      <c r="H21" s="429"/>
      <c r="I21" s="429"/>
      <c r="J21" s="429"/>
      <c r="K21" s="429"/>
      <c r="L21" s="429"/>
      <c r="M21" s="429"/>
      <c r="N21" s="429"/>
      <c r="O21" s="429"/>
      <c r="P21" s="429"/>
      <c r="Q21" s="429"/>
      <c r="R21" s="429"/>
      <c r="S21" s="429"/>
      <c r="T21" s="429"/>
      <c r="U21" s="429"/>
      <c r="V21" s="420"/>
      <c r="W21" s="430"/>
      <c r="X21" s="431"/>
      <c r="Y21" s="431"/>
      <c r="Z21" s="431"/>
      <c r="AA21" s="432"/>
    </row>
    <row r="22" spans="1:27" ht="38" customHeight="1" x14ac:dyDescent="0.55000000000000004">
      <c r="A22" s="470" t="s">
        <v>89</v>
      </c>
      <c r="B22" s="481" t="s">
        <v>1</v>
      </c>
      <c r="C22" s="433"/>
      <c r="D22" s="434"/>
      <c r="E22" s="434"/>
      <c r="F22" s="434"/>
      <c r="G22" s="434"/>
      <c r="H22" s="434"/>
      <c r="I22" s="434"/>
      <c r="J22" s="434"/>
      <c r="K22" s="434"/>
      <c r="L22" s="434"/>
      <c r="M22" s="434"/>
      <c r="N22" s="434"/>
      <c r="O22" s="434"/>
      <c r="P22" s="434"/>
      <c r="Q22" s="434"/>
      <c r="R22" s="434"/>
      <c r="S22" s="434"/>
      <c r="T22" s="434"/>
      <c r="U22" s="434"/>
      <c r="V22" s="434"/>
      <c r="W22" s="434"/>
      <c r="X22" s="434"/>
      <c r="Y22" s="434"/>
      <c r="Z22" s="434"/>
      <c r="AA22" s="435"/>
    </row>
    <row r="23" spans="1:27" ht="38" customHeight="1" x14ac:dyDescent="0.55000000000000004">
      <c r="A23" s="471"/>
      <c r="B23" s="481"/>
      <c r="C23" s="436"/>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8"/>
    </row>
    <row r="24" spans="1:27" ht="38" customHeight="1" x14ac:dyDescent="0.55000000000000004">
      <c r="A24" s="471"/>
      <c r="B24" s="481"/>
      <c r="C24" s="440"/>
      <c r="D24" s="441"/>
      <c r="E24" s="441"/>
      <c r="F24" s="441"/>
      <c r="G24" s="441"/>
      <c r="H24" s="441"/>
      <c r="I24" s="441"/>
      <c r="J24" s="441"/>
      <c r="K24" s="441"/>
      <c r="L24" s="441"/>
      <c r="M24" s="441"/>
      <c r="N24" s="441"/>
      <c r="O24" s="441"/>
      <c r="P24" s="441"/>
      <c r="Q24" s="441"/>
      <c r="R24" s="441"/>
      <c r="S24" s="441"/>
      <c r="T24" s="441"/>
      <c r="U24" s="441"/>
      <c r="V24" s="441"/>
      <c r="W24" s="441"/>
      <c r="X24" s="441"/>
      <c r="Y24" s="441"/>
      <c r="Z24" s="441"/>
      <c r="AA24" s="442"/>
    </row>
    <row r="25" spans="1:27" ht="38" customHeight="1" x14ac:dyDescent="0.55000000000000004">
      <c r="A25" s="471"/>
      <c r="B25" s="482"/>
      <c r="C25" s="450"/>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2"/>
    </row>
    <row r="26" spans="1:27" ht="38" customHeight="1" x14ac:dyDescent="0.55000000000000004">
      <c r="A26" s="471"/>
      <c r="B26" s="480" t="s">
        <v>363</v>
      </c>
      <c r="C26" s="453"/>
      <c r="D26" s="454"/>
      <c r="E26" s="454"/>
      <c r="F26" s="454"/>
      <c r="G26" s="454"/>
      <c r="H26" s="454"/>
      <c r="I26" s="454"/>
      <c r="J26" s="454"/>
      <c r="K26" s="454"/>
      <c r="L26" s="454"/>
      <c r="M26" s="454"/>
      <c r="N26" s="454"/>
      <c r="O26" s="454"/>
      <c r="P26" s="454"/>
      <c r="Q26" s="454"/>
      <c r="R26" s="454"/>
      <c r="S26" s="454"/>
      <c r="T26" s="454"/>
      <c r="U26" s="454"/>
      <c r="V26" s="454"/>
      <c r="W26" s="454"/>
      <c r="X26" s="454"/>
      <c r="Y26" s="454"/>
      <c r="Z26" s="454"/>
      <c r="AA26" s="455"/>
    </row>
    <row r="27" spans="1:27" ht="38" customHeight="1" x14ac:dyDescent="0.55000000000000004">
      <c r="A27" s="471"/>
      <c r="B27" s="477"/>
      <c r="C27" s="436"/>
      <c r="D27" s="437"/>
      <c r="E27" s="437"/>
      <c r="F27" s="437"/>
      <c r="G27" s="437"/>
      <c r="H27" s="437"/>
      <c r="I27" s="437"/>
      <c r="J27" s="437"/>
      <c r="K27" s="437"/>
      <c r="L27" s="437"/>
      <c r="M27" s="437"/>
      <c r="N27" s="437"/>
      <c r="O27" s="437"/>
      <c r="P27" s="437"/>
      <c r="Q27" s="437"/>
      <c r="R27" s="437"/>
      <c r="S27" s="437"/>
      <c r="T27" s="437"/>
      <c r="U27" s="437"/>
      <c r="V27" s="437"/>
      <c r="W27" s="437"/>
      <c r="X27" s="437"/>
      <c r="Y27" s="437"/>
      <c r="Z27" s="437"/>
      <c r="AA27" s="438"/>
    </row>
    <row r="28" spans="1:27" ht="38" customHeight="1" x14ac:dyDescent="0.55000000000000004">
      <c r="A28" s="471"/>
      <c r="B28" s="477"/>
      <c r="C28" s="436"/>
      <c r="D28" s="437"/>
      <c r="E28" s="437"/>
      <c r="F28" s="437"/>
      <c r="G28" s="437"/>
      <c r="H28" s="437"/>
      <c r="I28" s="437"/>
      <c r="J28" s="437"/>
      <c r="K28" s="437"/>
      <c r="L28" s="437"/>
      <c r="M28" s="437"/>
      <c r="N28" s="437"/>
      <c r="O28" s="437"/>
      <c r="P28" s="437"/>
      <c r="Q28" s="437"/>
      <c r="R28" s="437"/>
      <c r="S28" s="437"/>
      <c r="T28" s="437"/>
      <c r="U28" s="437"/>
      <c r="V28" s="437"/>
      <c r="W28" s="437"/>
      <c r="X28" s="437"/>
      <c r="Y28" s="437"/>
      <c r="Z28" s="437"/>
      <c r="AA28" s="438"/>
    </row>
    <row r="29" spans="1:27" ht="38" customHeight="1" x14ac:dyDescent="0.55000000000000004">
      <c r="A29" s="471"/>
      <c r="B29" s="477"/>
      <c r="C29" s="440"/>
      <c r="D29" s="441"/>
      <c r="E29" s="441"/>
      <c r="F29" s="441"/>
      <c r="G29" s="441"/>
      <c r="H29" s="441"/>
      <c r="I29" s="441"/>
      <c r="J29" s="441"/>
      <c r="K29" s="441"/>
      <c r="L29" s="441"/>
      <c r="M29" s="441"/>
      <c r="N29" s="441"/>
      <c r="O29" s="441"/>
      <c r="P29" s="441"/>
      <c r="Q29" s="441"/>
      <c r="R29" s="441"/>
      <c r="S29" s="441"/>
      <c r="T29" s="441"/>
      <c r="U29" s="441"/>
      <c r="V29" s="441"/>
      <c r="W29" s="441"/>
      <c r="X29" s="441"/>
      <c r="Y29" s="441"/>
      <c r="Z29" s="441"/>
      <c r="AA29" s="442"/>
    </row>
    <row r="30" spans="1:27" ht="38" customHeight="1" x14ac:dyDescent="0.55000000000000004">
      <c r="A30" s="471"/>
      <c r="B30" s="477"/>
      <c r="C30" s="440"/>
      <c r="D30" s="441"/>
      <c r="E30" s="441"/>
      <c r="F30" s="441"/>
      <c r="G30" s="441"/>
      <c r="H30" s="441"/>
      <c r="I30" s="441"/>
      <c r="J30" s="441"/>
      <c r="K30" s="441"/>
      <c r="L30" s="441"/>
      <c r="M30" s="441"/>
      <c r="N30" s="441"/>
      <c r="O30" s="441"/>
      <c r="P30" s="441"/>
      <c r="Q30" s="441"/>
      <c r="R30" s="441"/>
      <c r="S30" s="441"/>
      <c r="T30" s="441"/>
      <c r="U30" s="441"/>
      <c r="V30" s="441"/>
      <c r="W30" s="441"/>
      <c r="X30" s="441"/>
      <c r="Y30" s="441"/>
      <c r="Z30" s="441"/>
      <c r="AA30" s="442"/>
    </row>
    <row r="31" spans="1:27" ht="38" customHeight="1" x14ac:dyDescent="0.55000000000000004">
      <c r="A31" s="471"/>
      <c r="B31" s="478"/>
      <c r="C31" s="450"/>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2"/>
    </row>
    <row r="32" spans="1:27" ht="38" customHeight="1" x14ac:dyDescent="0.55000000000000004">
      <c r="A32" s="471"/>
      <c r="B32" s="477" t="s">
        <v>96</v>
      </c>
      <c r="C32" s="433"/>
      <c r="D32" s="434"/>
      <c r="E32" s="434"/>
      <c r="F32" s="434"/>
      <c r="G32" s="434"/>
      <c r="H32" s="434"/>
      <c r="I32" s="434"/>
      <c r="J32" s="434"/>
      <c r="K32" s="434"/>
      <c r="L32" s="434"/>
      <c r="M32" s="434"/>
      <c r="N32" s="434"/>
      <c r="O32" s="434"/>
      <c r="P32" s="434"/>
      <c r="Q32" s="434"/>
      <c r="R32" s="434"/>
      <c r="S32" s="434"/>
      <c r="T32" s="434"/>
      <c r="U32" s="434"/>
      <c r="V32" s="434"/>
      <c r="W32" s="434"/>
      <c r="X32" s="434"/>
      <c r="Y32" s="434"/>
      <c r="Z32" s="434"/>
      <c r="AA32" s="435"/>
    </row>
    <row r="33" spans="1:27" ht="37.5" customHeight="1" x14ac:dyDescent="0.55000000000000004">
      <c r="A33" s="471"/>
      <c r="B33" s="479"/>
      <c r="C33" s="436"/>
      <c r="D33" s="437"/>
      <c r="E33" s="437"/>
      <c r="F33" s="437"/>
      <c r="G33" s="437"/>
      <c r="H33" s="437"/>
      <c r="I33" s="437"/>
      <c r="J33" s="437"/>
      <c r="K33" s="437"/>
      <c r="L33" s="437"/>
      <c r="M33" s="437"/>
      <c r="N33" s="437"/>
      <c r="O33" s="437"/>
      <c r="P33" s="437"/>
      <c r="Q33" s="437"/>
      <c r="R33" s="437"/>
      <c r="S33" s="437"/>
      <c r="T33" s="437"/>
      <c r="U33" s="437"/>
      <c r="V33" s="437"/>
      <c r="W33" s="437"/>
      <c r="X33" s="437"/>
      <c r="Y33" s="437"/>
      <c r="Z33" s="437"/>
      <c r="AA33" s="438"/>
    </row>
    <row r="34" spans="1:27" ht="37.5" customHeight="1" x14ac:dyDescent="0.55000000000000004">
      <c r="A34" s="471"/>
      <c r="B34" s="479"/>
      <c r="C34" s="440"/>
      <c r="D34" s="441"/>
      <c r="E34" s="441"/>
      <c r="F34" s="441"/>
      <c r="G34" s="441"/>
      <c r="H34" s="441"/>
      <c r="I34" s="441"/>
      <c r="J34" s="441"/>
      <c r="K34" s="441"/>
      <c r="L34" s="441"/>
      <c r="M34" s="441"/>
      <c r="N34" s="441"/>
      <c r="O34" s="441"/>
      <c r="P34" s="441"/>
      <c r="Q34" s="441"/>
      <c r="R34" s="441"/>
      <c r="S34" s="441"/>
      <c r="T34" s="441"/>
      <c r="U34" s="441"/>
      <c r="V34" s="441"/>
      <c r="W34" s="441"/>
      <c r="X34" s="441"/>
      <c r="Y34" s="441"/>
      <c r="Z34" s="441"/>
      <c r="AA34" s="442"/>
    </row>
    <row r="35" spans="1:27" ht="37.5" customHeight="1" x14ac:dyDescent="0.55000000000000004">
      <c r="A35" s="471"/>
      <c r="B35" s="479"/>
      <c r="C35" s="443"/>
      <c r="D35" s="444"/>
      <c r="E35" s="444"/>
      <c r="F35" s="444"/>
      <c r="G35" s="444"/>
      <c r="H35" s="444"/>
      <c r="I35" s="444"/>
      <c r="J35" s="444"/>
      <c r="K35" s="444"/>
      <c r="L35" s="444"/>
      <c r="M35" s="444"/>
      <c r="N35" s="444"/>
      <c r="O35" s="444"/>
      <c r="P35" s="444"/>
      <c r="Q35" s="444"/>
      <c r="R35" s="444"/>
      <c r="S35" s="444"/>
      <c r="T35" s="444"/>
      <c r="U35" s="444"/>
      <c r="V35" s="444"/>
      <c r="W35" s="444"/>
      <c r="X35" s="444"/>
      <c r="Y35" s="444"/>
      <c r="Z35" s="444"/>
      <c r="AA35" s="445"/>
    </row>
    <row r="36" spans="1:27" ht="37.5" customHeight="1" x14ac:dyDescent="0.55000000000000004">
      <c r="A36" s="471"/>
      <c r="B36" s="476" t="s">
        <v>5</v>
      </c>
      <c r="C36" s="447"/>
      <c r="D36" s="448"/>
      <c r="E36" s="448"/>
      <c r="F36" s="448"/>
      <c r="G36" s="448"/>
      <c r="H36" s="448"/>
      <c r="I36" s="448"/>
      <c r="J36" s="448"/>
      <c r="K36" s="448"/>
      <c r="L36" s="448"/>
      <c r="M36" s="448"/>
      <c r="N36" s="448"/>
      <c r="O36" s="448"/>
      <c r="P36" s="448"/>
      <c r="Q36" s="448"/>
      <c r="R36" s="448"/>
      <c r="S36" s="448"/>
      <c r="T36" s="448"/>
      <c r="U36" s="448"/>
      <c r="V36" s="448"/>
      <c r="W36" s="448"/>
      <c r="X36" s="448"/>
      <c r="Y36" s="448"/>
      <c r="Z36" s="448"/>
      <c r="AA36" s="449"/>
    </row>
    <row r="37" spans="1:27" ht="37.5" customHeight="1" x14ac:dyDescent="0.55000000000000004">
      <c r="A37" s="471"/>
      <c r="B37" s="477"/>
      <c r="C37" s="456"/>
      <c r="D37" s="457"/>
      <c r="E37" s="457"/>
      <c r="F37" s="457"/>
      <c r="G37" s="457"/>
      <c r="H37" s="457"/>
      <c r="I37" s="457"/>
      <c r="J37" s="457"/>
      <c r="K37" s="457"/>
      <c r="L37" s="457"/>
      <c r="M37" s="457"/>
      <c r="N37" s="457"/>
      <c r="O37" s="457"/>
      <c r="P37" s="457"/>
      <c r="Q37" s="457"/>
      <c r="R37" s="457"/>
      <c r="S37" s="457"/>
      <c r="T37" s="457"/>
      <c r="U37" s="457"/>
      <c r="V37" s="457"/>
      <c r="W37" s="457"/>
      <c r="X37" s="457"/>
      <c r="Y37" s="457"/>
      <c r="Z37" s="457"/>
      <c r="AA37" s="458"/>
    </row>
    <row r="38" spans="1:27" ht="37.5" customHeight="1" x14ac:dyDescent="0.55000000000000004">
      <c r="A38" s="471"/>
      <c r="B38" s="477"/>
      <c r="C38" s="423"/>
      <c r="D38" s="424"/>
      <c r="E38" s="424"/>
      <c r="F38" s="424"/>
      <c r="G38" s="424"/>
      <c r="H38" s="424"/>
      <c r="I38" s="424"/>
      <c r="J38" s="424"/>
      <c r="K38" s="424"/>
      <c r="L38" s="424"/>
      <c r="M38" s="424"/>
      <c r="N38" s="424"/>
      <c r="O38" s="424"/>
      <c r="P38" s="424"/>
      <c r="Q38" s="424"/>
      <c r="R38" s="424"/>
      <c r="S38" s="424"/>
      <c r="T38" s="424"/>
      <c r="U38" s="424"/>
      <c r="V38" s="424"/>
      <c r="W38" s="424"/>
      <c r="X38" s="424"/>
      <c r="Y38" s="424"/>
      <c r="Z38" s="424"/>
      <c r="AA38" s="425"/>
    </row>
    <row r="39" spans="1:27" ht="37.5" customHeight="1" x14ac:dyDescent="0.55000000000000004">
      <c r="A39" s="472"/>
      <c r="B39" s="478"/>
      <c r="C39" s="426"/>
      <c r="D39" s="427"/>
      <c r="E39" s="427"/>
      <c r="F39" s="427"/>
      <c r="G39" s="427"/>
      <c r="H39" s="427"/>
      <c r="I39" s="427"/>
      <c r="J39" s="427"/>
      <c r="K39" s="427"/>
      <c r="L39" s="427"/>
      <c r="M39" s="427"/>
      <c r="N39" s="427"/>
      <c r="O39" s="427"/>
      <c r="P39" s="427"/>
      <c r="Q39" s="427"/>
      <c r="R39" s="427"/>
      <c r="S39" s="427"/>
      <c r="T39" s="427"/>
      <c r="U39" s="427"/>
      <c r="V39" s="427"/>
      <c r="W39" s="427"/>
      <c r="X39" s="427"/>
      <c r="Y39" s="427"/>
      <c r="Z39" s="427"/>
      <c r="AA39" s="428"/>
    </row>
    <row r="40" spans="1:27" ht="37.5" customHeight="1" x14ac:dyDescent="0.55000000000000004"/>
    <row r="44" spans="1:27" ht="29" customHeight="1" x14ac:dyDescent="0.55000000000000004"/>
    <row r="53" spans="2:2" ht="28.5" customHeight="1" x14ac:dyDescent="0.55000000000000004"/>
    <row r="63" spans="2:2" ht="28.5" customHeight="1"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row r="71" spans="2:2" x14ac:dyDescent="0.55000000000000004">
      <c r="B71" s="63"/>
    </row>
  </sheetData>
  <mergeCells count="94">
    <mergeCell ref="C37:AA37"/>
    <mergeCell ref="C38:AA38"/>
    <mergeCell ref="C39:AA39"/>
    <mergeCell ref="A22:A39"/>
    <mergeCell ref="B22:B25"/>
    <mergeCell ref="B26:B31"/>
    <mergeCell ref="B32:B35"/>
    <mergeCell ref="B36:B39"/>
    <mergeCell ref="C22:AA22"/>
    <mergeCell ref="C23:AA23"/>
    <mergeCell ref="C24:AA24"/>
    <mergeCell ref="C25:AA25"/>
    <mergeCell ref="C26:AA26"/>
    <mergeCell ref="C27:AA27"/>
    <mergeCell ref="C28:AA28"/>
    <mergeCell ref="C29:AA29"/>
    <mergeCell ref="A16:A21"/>
    <mergeCell ref="A6:A15"/>
    <mergeCell ref="A3:A5"/>
    <mergeCell ref="B7:B15"/>
    <mergeCell ref="M16:N16"/>
    <mergeCell ref="M20:N20"/>
    <mergeCell ref="G16:H16"/>
    <mergeCell ref="I16:J16"/>
    <mergeCell ref="K16:L16"/>
    <mergeCell ref="B3:F3"/>
    <mergeCell ref="G3:AA3"/>
    <mergeCell ref="B4:F4"/>
    <mergeCell ref="G4:AA4"/>
    <mergeCell ref="B5:F5"/>
    <mergeCell ref="G5:AA5"/>
    <mergeCell ref="U6:V6"/>
    <mergeCell ref="W6:AA6"/>
    <mergeCell ref="W7:AA15"/>
    <mergeCell ref="A1:AA1"/>
    <mergeCell ref="A2:AA2"/>
    <mergeCell ref="C6:D6"/>
    <mergeCell ref="E6:F6"/>
    <mergeCell ref="G6:H6"/>
    <mergeCell ref="I6:J6"/>
    <mergeCell ref="K6:L6"/>
    <mergeCell ref="Q6:R6"/>
    <mergeCell ref="S6:T6"/>
    <mergeCell ref="M6:N6"/>
    <mergeCell ref="O6:P6"/>
    <mergeCell ref="O16:P16"/>
    <mergeCell ref="Q16:R16"/>
    <mergeCell ref="S16:T16"/>
    <mergeCell ref="U16:V16"/>
    <mergeCell ref="W16:AA16"/>
    <mergeCell ref="O17:P17"/>
    <mergeCell ref="Q17:R17"/>
    <mergeCell ref="S17:T17"/>
    <mergeCell ref="U17:V17"/>
    <mergeCell ref="C17:D17"/>
    <mergeCell ref="E17:F17"/>
    <mergeCell ref="G17:H17"/>
    <mergeCell ref="I17:J17"/>
    <mergeCell ref="K17:L17"/>
    <mergeCell ref="W17:AA17"/>
    <mergeCell ref="C16:D16"/>
    <mergeCell ref="E16:F16"/>
    <mergeCell ref="W18:AA18"/>
    <mergeCell ref="C19:D19"/>
    <mergeCell ref="E19:F19"/>
    <mergeCell ref="G19:H19"/>
    <mergeCell ref="I19:J19"/>
    <mergeCell ref="K19:L19"/>
    <mergeCell ref="M19:N19"/>
    <mergeCell ref="O19:P19"/>
    <mergeCell ref="Q19:R19"/>
    <mergeCell ref="S19:T19"/>
    <mergeCell ref="U19:V19"/>
    <mergeCell ref="W19:AA19"/>
    <mergeCell ref="M17:N17"/>
    <mergeCell ref="S20:T20"/>
    <mergeCell ref="U20:V20"/>
    <mergeCell ref="W20:AA20"/>
    <mergeCell ref="C21:V21"/>
    <mergeCell ref="W21:AA21"/>
    <mergeCell ref="C20:D20"/>
    <mergeCell ref="E20:F20"/>
    <mergeCell ref="G20:H20"/>
    <mergeCell ref="I20:J20"/>
    <mergeCell ref="K20:L20"/>
    <mergeCell ref="O20:P20"/>
    <mergeCell ref="Q20:R20"/>
    <mergeCell ref="C35:AA35"/>
    <mergeCell ref="C36:AA36"/>
    <mergeCell ref="C30:AA30"/>
    <mergeCell ref="C31:AA31"/>
    <mergeCell ref="C32:AA32"/>
    <mergeCell ref="C33:AA33"/>
    <mergeCell ref="C34:AA34"/>
  </mergeCells>
  <phoneticPr fontId="1"/>
  <printOptions horizontalCentered="1" verticalCentered="1"/>
  <pageMargins left="0.70866141732283472" right="0.70866141732283472" top="0.74803149606299213" bottom="0.74803149606299213" header="0.31496062992125984" footer="0.31496062992125984"/>
  <pageSetup paperSize="9" scale="51" orientation="portrait" r:id="rId1"/>
  <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G$1:$G$6</xm:f>
          </x14:formula1>
          <xm:sqref>C36:AA39</xm:sqref>
        </x14:dataValidation>
        <x14:dataValidation type="list" allowBlank="1" showInputMessage="1" showErrorMessage="1">
          <x14:formula1>
            <xm:f>リスト!$F$1:$F$9</xm:f>
          </x14:formula1>
          <xm:sqref>C32:AA35</xm:sqref>
        </x14:dataValidation>
        <x14:dataValidation type="list" allowBlank="1" showInputMessage="1" showErrorMessage="1">
          <x14:formula1>
            <xm:f>リスト!$B$1:$B$4</xm:f>
          </x14:formula1>
          <xm:sqref>C22:AA25</xm:sqref>
        </x14:dataValidation>
        <x14:dataValidation type="list" allowBlank="1" showInputMessage="1" showErrorMessage="1">
          <x14:formula1>
            <xm:f>リスト!$C$1:$C$8</xm:f>
          </x14:formula1>
          <xm:sqref>C26:AA31</xm:sqref>
        </x14:dataValidation>
      </x14:dataValidations>
    </ext>
  </extLst>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AA71"/>
  <sheetViews>
    <sheetView topLeftCell="A9" zoomScale="70" zoomScaleNormal="70" workbookViewId="0">
      <selection activeCell="W19" sqref="W19:AA19"/>
    </sheetView>
  </sheetViews>
  <sheetFormatPr defaultRowHeight="18" x14ac:dyDescent="0.55000000000000004"/>
  <cols>
    <col min="2" max="2" width="8.25" customWidth="1"/>
    <col min="3" max="22" width="4.4140625" customWidth="1"/>
    <col min="23" max="27" width="8.25" customWidth="1"/>
  </cols>
  <sheetData>
    <row r="1" spans="1:27" ht="42" customHeight="1" x14ac:dyDescent="0.55000000000000004">
      <c r="A1" s="459" t="s">
        <v>101</v>
      </c>
      <c r="B1" s="459"/>
      <c r="C1" s="459"/>
      <c r="D1" s="459"/>
      <c r="E1" s="459"/>
      <c r="F1" s="459"/>
      <c r="G1" s="459"/>
      <c r="H1" s="459"/>
      <c r="I1" s="459"/>
      <c r="J1" s="459"/>
      <c r="K1" s="459"/>
      <c r="L1" s="459"/>
      <c r="M1" s="459"/>
      <c r="N1" s="459"/>
      <c r="O1" s="459"/>
      <c r="P1" s="459"/>
      <c r="Q1" s="459"/>
      <c r="R1" s="459"/>
      <c r="S1" s="459"/>
      <c r="T1" s="459"/>
      <c r="U1" s="459"/>
      <c r="V1" s="459"/>
      <c r="W1" s="459"/>
      <c r="X1" s="459"/>
      <c r="Y1" s="459"/>
      <c r="Z1" s="459"/>
      <c r="AA1" s="459"/>
    </row>
    <row r="2" spans="1:27" ht="143.5" customHeight="1" x14ac:dyDescent="0.55000000000000004">
      <c r="A2" s="460" t="s">
        <v>364</v>
      </c>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2"/>
    </row>
    <row r="3" spans="1:27" ht="71.5" customHeight="1" x14ac:dyDescent="0.55000000000000004">
      <c r="A3" s="473" t="s">
        <v>76</v>
      </c>
      <c r="B3" s="463" t="s">
        <v>102</v>
      </c>
      <c r="C3" s="464"/>
      <c r="D3" s="464"/>
      <c r="E3" s="464"/>
      <c r="F3" s="465"/>
      <c r="G3" s="413" t="s">
        <v>368</v>
      </c>
      <c r="H3" s="414"/>
      <c r="I3" s="414"/>
      <c r="J3" s="414"/>
      <c r="K3" s="414"/>
      <c r="L3" s="414"/>
      <c r="M3" s="414"/>
      <c r="N3" s="414"/>
      <c r="O3" s="414"/>
      <c r="P3" s="414"/>
      <c r="Q3" s="414"/>
      <c r="R3" s="414"/>
      <c r="S3" s="414"/>
      <c r="T3" s="414"/>
      <c r="U3" s="414"/>
      <c r="V3" s="414"/>
      <c r="W3" s="414"/>
      <c r="X3" s="414"/>
      <c r="Y3" s="414"/>
      <c r="Z3" s="414"/>
      <c r="AA3" s="415"/>
    </row>
    <row r="4" spans="1:27" ht="44" customHeight="1" x14ac:dyDescent="0.55000000000000004">
      <c r="A4" s="474"/>
      <c r="B4" s="463" t="s">
        <v>77</v>
      </c>
      <c r="C4" s="464"/>
      <c r="D4" s="464"/>
      <c r="E4" s="464"/>
      <c r="F4" s="465"/>
      <c r="G4" s="413" t="s">
        <v>371</v>
      </c>
      <c r="H4" s="414"/>
      <c r="I4" s="414"/>
      <c r="J4" s="414"/>
      <c r="K4" s="414"/>
      <c r="L4" s="414"/>
      <c r="M4" s="414"/>
      <c r="N4" s="414"/>
      <c r="O4" s="414"/>
      <c r="P4" s="414"/>
      <c r="Q4" s="414"/>
      <c r="R4" s="414"/>
      <c r="S4" s="414"/>
      <c r="T4" s="414"/>
      <c r="U4" s="414"/>
      <c r="V4" s="414"/>
      <c r="W4" s="414"/>
      <c r="X4" s="414"/>
      <c r="Y4" s="414"/>
      <c r="Z4" s="414"/>
      <c r="AA4" s="415"/>
    </row>
    <row r="5" spans="1:27" ht="66.5" customHeight="1" x14ac:dyDescent="0.55000000000000004">
      <c r="A5" s="475"/>
      <c r="B5" s="463" t="s">
        <v>78</v>
      </c>
      <c r="C5" s="464"/>
      <c r="D5" s="464"/>
      <c r="E5" s="464"/>
      <c r="F5" s="465"/>
      <c r="G5" s="413" t="s">
        <v>372</v>
      </c>
      <c r="H5" s="414"/>
      <c r="I5" s="414"/>
      <c r="J5" s="414"/>
      <c r="K5" s="414"/>
      <c r="L5" s="414"/>
      <c r="M5" s="414"/>
      <c r="N5" s="414"/>
      <c r="O5" s="414"/>
      <c r="P5" s="414"/>
      <c r="Q5" s="414"/>
      <c r="R5" s="414"/>
      <c r="S5" s="414"/>
      <c r="T5" s="414"/>
      <c r="U5" s="414"/>
      <c r="V5" s="414"/>
      <c r="W5" s="414"/>
      <c r="X5" s="414"/>
      <c r="Y5" s="414"/>
      <c r="Z5" s="414"/>
      <c r="AA5" s="415"/>
    </row>
    <row r="6" spans="1:27" ht="23" customHeight="1" x14ac:dyDescent="0.55000000000000004">
      <c r="A6" s="470" t="s">
        <v>361</v>
      </c>
      <c r="B6" s="231" t="s">
        <v>80</v>
      </c>
      <c r="C6" s="421">
        <v>1</v>
      </c>
      <c r="D6" s="422"/>
      <c r="E6" s="421">
        <v>2</v>
      </c>
      <c r="F6" s="422"/>
      <c r="G6" s="421">
        <v>3</v>
      </c>
      <c r="H6" s="422"/>
      <c r="I6" s="421">
        <v>4</v>
      </c>
      <c r="J6" s="422"/>
      <c r="K6" s="421">
        <v>5</v>
      </c>
      <c r="L6" s="422"/>
      <c r="M6" s="421">
        <v>6</v>
      </c>
      <c r="N6" s="422"/>
      <c r="O6" s="421">
        <v>7</v>
      </c>
      <c r="P6" s="422"/>
      <c r="Q6" s="421">
        <v>8</v>
      </c>
      <c r="R6" s="422"/>
      <c r="S6" s="421">
        <v>9</v>
      </c>
      <c r="T6" s="422"/>
      <c r="U6" s="421">
        <v>10</v>
      </c>
      <c r="V6" s="422"/>
      <c r="W6" s="446" t="s">
        <v>99</v>
      </c>
      <c r="X6" s="446"/>
      <c r="Y6" s="446"/>
      <c r="Z6" s="446"/>
      <c r="AA6" s="446"/>
    </row>
    <row r="7" spans="1:27" ht="23" customHeight="1" x14ac:dyDescent="0.55000000000000004">
      <c r="A7" s="471"/>
      <c r="B7" s="466" t="s">
        <v>88</v>
      </c>
      <c r="C7" s="232"/>
      <c r="D7" s="233"/>
      <c r="E7" s="233"/>
      <c r="F7" s="233"/>
      <c r="G7" s="233"/>
      <c r="H7" s="233"/>
      <c r="I7" s="233"/>
      <c r="J7" s="233"/>
      <c r="K7" s="233"/>
      <c r="L7" s="233"/>
      <c r="M7" s="233"/>
      <c r="N7" s="233"/>
      <c r="O7" s="233"/>
      <c r="P7" s="233"/>
      <c r="Q7" s="233"/>
      <c r="R7" s="233"/>
      <c r="S7" s="233"/>
      <c r="T7" s="233"/>
      <c r="U7" s="233"/>
      <c r="V7" s="234"/>
      <c r="W7" s="468" t="s">
        <v>362</v>
      </c>
      <c r="X7" s="469"/>
      <c r="Y7" s="469"/>
      <c r="Z7" s="469"/>
      <c r="AA7" s="469"/>
    </row>
    <row r="8" spans="1:27" ht="23" customHeight="1" x14ac:dyDescent="0.55000000000000004">
      <c r="A8" s="471"/>
      <c r="B8" s="467"/>
      <c r="C8" s="235"/>
      <c r="D8" s="236"/>
      <c r="E8" s="236"/>
      <c r="F8" s="236"/>
      <c r="G8" s="236"/>
      <c r="H8" s="236"/>
      <c r="I8" s="236"/>
      <c r="J8" s="236"/>
      <c r="K8" s="236"/>
      <c r="L8" s="236"/>
      <c r="M8" s="236"/>
      <c r="N8" s="236"/>
      <c r="O8" s="236"/>
      <c r="P8" s="236"/>
      <c r="Q8" s="236"/>
      <c r="R8" s="236"/>
      <c r="S8" s="236"/>
      <c r="T8" s="236"/>
      <c r="U8" s="236"/>
      <c r="V8" s="237"/>
      <c r="W8" s="469"/>
      <c r="X8" s="469"/>
      <c r="Y8" s="469"/>
      <c r="Z8" s="469"/>
      <c r="AA8" s="469"/>
    </row>
    <row r="9" spans="1:27" ht="23" customHeight="1" x14ac:dyDescent="0.55000000000000004">
      <c r="A9" s="471"/>
      <c r="B9" s="467"/>
      <c r="C9" s="235"/>
      <c r="D9" s="236"/>
      <c r="E9" s="236"/>
      <c r="F9" s="236"/>
      <c r="G9" s="236"/>
      <c r="H9" s="236"/>
      <c r="I9" s="236"/>
      <c r="J9" s="236"/>
      <c r="K9" s="236"/>
      <c r="L9" s="236"/>
      <c r="M9" s="236"/>
      <c r="N9" s="236"/>
      <c r="O9" s="236"/>
      <c r="P9" s="236"/>
      <c r="Q9" s="236"/>
      <c r="R9" s="236"/>
      <c r="S9" s="236"/>
      <c r="T9" s="236"/>
      <c r="U9" s="236"/>
      <c r="V9" s="237"/>
      <c r="W9" s="469"/>
      <c r="X9" s="469"/>
      <c r="Y9" s="469"/>
      <c r="Z9" s="469"/>
      <c r="AA9" s="469"/>
    </row>
    <row r="10" spans="1:27" ht="23" customHeight="1" x14ac:dyDescent="0.55000000000000004">
      <c r="A10" s="471"/>
      <c r="B10" s="467"/>
      <c r="C10" s="235"/>
      <c r="D10" s="236"/>
      <c r="E10" s="236"/>
      <c r="F10" s="236"/>
      <c r="G10" s="236"/>
      <c r="H10" s="236"/>
      <c r="I10" s="236"/>
      <c r="J10" s="236"/>
      <c r="K10" s="236"/>
      <c r="L10" s="236"/>
      <c r="M10" s="236"/>
      <c r="N10" s="236"/>
      <c r="O10" s="236"/>
      <c r="P10" s="236"/>
      <c r="Q10" s="236"/>
      <c r="R10" s="236"/>
      <c r="S10" s="236"/>
      <c r="T10" s="236"/>
      <c r="U10" s="236"/>
      <c r="V10" s="237"/>
      <c r="W10" s="469"/>
      <c r="X10" s="469"/>
      <c r="Y10" s="469"/>
      <c r="Z10" s="469"/>
      <c r="AA10" s="469"/>
    </row>
    <row r="11" spans="1:27" ht="23" customHeight="1" x14ac:dyDescent="0.55000000000000004">
      <c r="A11" s="471"/>
      <c r="B11" s="467"/>
      <c r="C11" s="235"/>
      <c r="D11" s="236"/>
      <c r="E11" s="236"/>
      <c r="F11" s="236"/>
      <c r="G11" s="236"/>
      <c r="H11" s="236"/>
      <c r="I11" s="236"/>
      <c r="J11" s="236"/>
      <c r="K11" s="236"/>
      <c r="L11" s="236"/>
      <c r="M11" s="236"/>
      <c r="N11" s="236"/>
      <c r="O11" s="236"/>
      <c r="P11" s="236"/>
      <c r="Q11" s="236"/>
      <c r="R11" s="236"/>
      <c r="S11" s="236"/>
      <c r="T11" s="236"/>
      <c r="U11" s="236"/>
      <c r="V11" s="237"/>
      <c r="W11" s="469"/>
      <c r="X11" s="469"/>
      <c r="Y11" s="469"/>
      <c r="Z11" s="469"/>
      <c r="AA11" s="469"/>
    </row>
    <row r="12" spans="1:27" ht="23" customHeight="1" x14ac:dyDescent="0.55000000000000004">
      <c r="A12" s="471"/>
      <c r="B12" s="467"/>
      <c r="C12" s="235"/>
      <c r="D12" s="236"/>
      <c r="E12" s="236"/>
      <c r="F12" s="236"/>
      <c r="G12" s="236"/>
      <c r="H12" s="236"/>
      <c r="I12" s="236"/>
      <c r="J12" s="236"/>
      <c r="K12" s="236"/>
      <c r="L12" s="236"/>
      <c r="M12" s="236"/>
      <c r="N12" s="236"/>
      <c r="O12" s="236"/>
      <c r="P12" s="236"/>
      <c r="Q12" s="236"/>
      <c r="R12" s="236"/>
      <c r="S12" s="236"/>
      <c r="T12" s="236"/>
      <c r="U12" s="236"/>
      <c r="V12" s="237"/>
      <c r="W12" s="469"/>
      <c r="X12" s="469"/>
      <c r="Y12" s="469"/>
      <c r="Z12" s="469"/>
      <c r="AA12" s="469"/>
    </row>
    <row r="13" spans="1:27" ht="23" customHeight="1" x14ac:dyDescent="0.55000000000000004">
      <c r="A13" s="471"/>
      <c r="B13" s="467"/>
      <c r="C13" s="235"/>
      <c r="D13" s="236"/>
      <c r="E13" s="236"/>
      <c r="F13" s="236"/>
      <c r="G13" s="236"/>
      <c r="H13" s="236"/>
      <c r="I13" s="236"/>
      <c r="J13" s="236"/>
      <c r="K13" s="236"/>
      <c r="L13" s="236"/>
      <c r="M13" s="236"/>
      <c r="N13" s="236"/>
      <c r="O13" s="236"/>
      <c r="P13" s="236"/>
      <c r="Q13" s="236"/>
      <c r="R13" s="236"/>
      <c r="S13" s="236"/>
      <c r="T13" s="236"/>
      <c r="U13" s="236"/>
      <c r="V13" s="237"/>
      <c r="W13" s="469"/>
      <c r="X13" s="469"/>
      <c r="Y13" s="469"/>
      <c r="Z13" s="469"/>
      <c r="AA13" s="469"/>
    </row>
    <row r="14" spans="1:27" ht="23" customHeight="1" x14ac:dyDescent="0.55000000000000004">
      <c r="A14" s="471"/>
      <c r="B14" s="467"/>
      <c r="C14" s="235"/>
      <c r="D14" s="236"/>
      <c r="E14" s="236"/>
      <c r="F14" s="236"/>
      <c r="G14" s="236"/>
      <c r="H14" s="236"/>
      <c r="I14" s="236"/>
      <c r="J14" s="236"/>
      <c r="K14" s="236"/>
      <c r="L14" s="236"/>
      <c r="M14" s="236"/>
      <c r="N14" s="236"/>
      <c r="O14" s="236"/>
      <c r="P14" s="236"/>
      <c r="Q14" s="236"/>
      <c r="R14" s="236"/>
      <c r="S14" s="236"/>
      <c r="T14" s="236"/>
      <c r="U14" s="236"/>
      <c r="V14" s="237"/>
      <c r="W14" s="469"/>
      <c r="X14" s="469"/>
      <c r="Y14" s="469"/>
      <c r="Z14" s="469"/>
      <c r="AA14" s="469"/>
    </row>
    <row r="15" spans="1:27" ht="23" customHeight="1" x14ac:dyDescent="0.55000000000000004">
      <c r="A15" s="472"/>
      <c r="B15" s="467"/>
      <c r="C15" s="235"/>
      <c r="D15" s="236"/>
      <c r="E15" s="236"/>
      <c r="F15" s="236"/>
      <c r="G15" s="236"/>
      <c r="H15" s="236"/>
      <c r="I15" s="236"/>
      <c r="J15" s="236"/>
      <c r="K15" s="236"/>
      <c r="L15" s="236"/>
      <c r="M15" s="236"/>
      <c r="N15" s="236"/>
      <c r="O15" s="236"/>
      <c r="P15" s="236"/>
      <c r="Q15" s="236"/>
      <c r="R15" s="236"/>
      <c r="S15" s="236"/>
      <c r="T15" s="236"/>
      <c r="U15" s="238"/>
      <c r="V15" s="237"/>
      <c r="W15" s="469"/>
      <c r="X15" s="469"/>
      <c r="Y15" s="469"/>
      <c r="Z15" s="469"/>
      <c r="AA15" s="469"/>
    </row>
    <row r="16" spans="1:27" ht="23" customHeight="1" x14ac:dyDescent="0.55000000000000004">
      <c r="A16" s="470" t="s">
        <v>347</v>
      </c>
      <c r="B16" s="231"/>
      <c r="C16" s="421">
        <v>1</v>
      </c>
      <c r="D16" s="422"/>
      <c r="E16" s="421">
        <v>2</v>
      </c>
      <c r="F16" s="422"/>
      <c r="G16" s="421">
        <v>3</v>
      </c>
      <c r="H16" s="422"/>
      <c r="I16" s="421">
        <v>4</v>
      </c>
      <c r="J16" s="422"/>
      <c r="K16" s="421">
        <v>5</v>
      </c>
      <c r="L16" s="422"/>
      <c r="M16" s="421">
        <v>6</v>
      </c>
      <c r="N16" s="422"/>
      <c r="O16" s="421">
        <v>7</v>
      </c>
      <c r="P16" s="422"/>
      <c r="Q16" s="421">
        <v>8</v>
      </c>
      <c r="R16" s="422"/>
      <c r="S16" s="421">
        <v>9</v>
      </c>
      <c r="T16" s="422"/>
      <c r="U16" s="421">
        <v>10</v>
      </c>
      <c r="V16" s="422"/>
      <c r="W16" s="446" t="s">
        <v>100</v>
      </c>
      <c r="X16" s="446"/>
      <c r="Y16" s="446"/>
      <c r="Z16" s="446"/>
      <c r="AA16" s="446"/>
    </row>
    <row r="17" spans="1:27" ht="23" customHeight="1" x14ac:dyDescent="0.55000000000000004">
      <c r="A17" s="471"/>
      <c r="B17" s="168" t="s">
        <v>82</v>
      </c>
      <c r="C17" s="417">
        <f>【手順２】ネット型!D32</f>
        <v>0</v>
      </c>
      <c r="D17" s="418"/>
      <c r="E17" s="417">
        <f>【手順２】ネット型!F32</f>
        <v>0</v>
      </c>
      <c r="F17" s="418"/>
      <c r="G17" s="417">
        <f>【手順２】ネット型!H32</f>
        <v>0</v>
      </c>
      <c r="H17" s="418"/>
      <c r="I17" s="417">
        <f>【手順２】ネット型!J32</f>
        <v>0</v>
      </c>
      <c r="J17" s="418"/>
      <c r="K17" s="417">
        <f>【手順２】ネット型!L32</f>
        <v>0</v>
      </c>
      <c r="L17" s="418"/>
      <c r="M17" s="417">
        <f>【手順２】ネット型!N32</f>
        <v>0</v>
      </c>
      <c r="N17" s="418"/>
      <c r="O17" s="417">
        <f>【手順２】ネット型!P32</f>
        <v>0</v>
      </c>
      <c r="P17" s="418"/>
      <c r="Q17" s="417">
        <f>【手順２】ネット型!R32</f>
        <v>0</v>
      </c>
      <c r="R17" s="418"/>
      <c r="S17" s="417">
        <f>【手順２】ネット型!T32</f>
        <v>0</v>
      </c>
      <c r="T17" s="418"/>
      <c r="U17" s="417">
        <f>【手順２】ネット型!V32</f>
        <v>0</v>
      </c>
      <c r="V17" s="418"/>
      <c r="W17" s="416"/>
      <c r="X17" s="416"/>
      <c r="Y17" s="416"/>
      <c r="Z17" s="416"/>
      <c r="AA17" s="416"/>
    </row>
    <row r="18" spans="1:27" ht="23" customHeight="1" x14ac:dyDescent="0.55000000000000004">
      <c r="A18" s="471"/>
      <c r="B18" s="92" t="s">
        <v>83</v>
      </c>
      <c r="C18" s="239">
        <f>【手順２】ネット型!D33</f>
        <v>0</v>
      </c>
      <c r="D18" s="240">
        <f>【手順２】ネット型!E33</f>
        <v>0</v>
      </c>
      <c r="E18" s="239">
        <f>【手順２】ネット型!F33</f>
        <v>0</v>
      </c>
      <c r="F18" s="240">
        <f>【手順２】ネット型!G33</f>
        <v>0</v>
      </c>
      <c r="G18" s="239">
        <f>【手順２】ネット型!H33</f>
        <v>0</v>
      </c>
      <c r="H18" s="240">
        <f>【手順２】ネット型!I33</f>
        <v>0</v>
      </c>
      <c r="I18" s="239">
        <f>【手順２】ネット型!J33</f>
        <v>0</v>
      </c>
      <c r="J18" s="240">
        <f>【手順２】ネット型!K33</f>
        <v>0</v>
      </c>
      <c r="K18" s="239">
        <f>【手順２】ネット型!L33</f>
        <v>0</v>
      </c>
      <c r="L18" s="240">
        <f>【手順２】ネット型!M33</f>
        <v>0</v>
      </c>
      <c r="M18" s="239">
        <f>【手順２】ネット型!N33</f>
        <v>0</v>
      </c>
      <c r="N18" s="240">
        <f>【手順２】ネット型!O33</f>
        <v>0</v>
      </c>
      <c r="O18" s="239">
        <f>【手順２】ネット型!P33</f>
        <v>0</v>
      </c>
      <c r="P18" s="240">
        <f>【手順２】ネット型!Q33</f>
        <v>0</v>
      </c>
      <c r="Q18" s="239">
        <f>【手順２】ネット型!R33</f>
        <v>0</v>
      </c>
      <c r="R18" s="240">
        <f>【手順２】ネット型!S33</f>
        <v>0</v>
      </c>
      <c r="S18" s="239">
        <f>【手順２】ネット型!T33</f>
        <v>0</v>
      </c>
      <c r="T18" s="240">
        <f>【手順２】ネット型!U33</f>
        <v>0</v>
      </c>
      <c r="U18" s="239">
        <f>【手順２】ネット型!V33</f>
        <v>0</v>
      </c>
      <c r="V18" s="240">
        <f>【手順２】ネット型!W33</f>
        <v>0</v>
      </c>
      <c r="W18" s="416"/>
      <c r="X18" s="416"/>
      <c r="Y18" s="416"/>
      <c r="Z18" s="416"/>
      <c r="AA18" s="416"/>
    </row>
    <row r="19" spans="1:27" ht="23" customHeight="1" x14ac:dyDescent="0.55000000000000004">
      <c r="A19" s="471"/>
      <c r="B19" s="231" t="s">
        <v>84</v>
      </c>
      <c r="C19" s="419">
        <f>【手順２】ネット型!D34</f>
        <v>0</v>
      </c>
      <c r="D19" s="420"/>
      <c r="E19" s="419">
        <f>【手順２】ネット型!F34</f>
        <v>0</v>
      </c>
      <c r="F19" s="420"/>
      <c r="G19" s="419">
        <f>【手順２】ネット型!H34</f>
        <v>0</v>
      </c>
      <c r="H19" s="420"/>
      <c r="I19" s="419">
        <f>【手順２】ネット型!J34</f>
        <v>0</v>
      </c>
      <c r="J19" s="420"/>
      <c r="K19" s="419">
        <f>【手順２】ネット型!L34</f>
        <v>0</v>
      </c>
      <c r="L19" s="420"/>
      <c r="M19" s="419">
        <f>【手順２】ネット型!N34</f>
        <v>0</v>
      </c>
      <c r="N19" s="420"/>
      <c r="O19" s="419">
        <f>【手順２】ネット型!P34</f>
        <v>0</v>
      </c>
      <c r="P19" s="420"/>
      <c r="Q19" s="419">
        <f>【手順２】ネット型!R34</f>
        <v>0</v>
      </c>
      <c r="R19" s="420"/>
      <c r="S19" s="419">
        <f>【手順２】ネット型!T34</f>
        <v>0</v>
      </c>
      <c r="T19" s="420"/>
      <c r="U19" s="419">
        <f>【手順２】ネット型!V34</f>
        <v>0</v>
      </c>
      <c r="V19" s="420"/>
      <c r="W19" s="416"/>
      <c r="X19" s="416"/>
      <c r="Y19" s="416"/>
      <c r="Z19" s="416"/>
      <c r="AA19" s="416"/>
    </row>
    <row r="20" spans="1:27" ht="23" customHeight="1" x14ac:dyDescent="0.55000000000000004">
      <c r="A20" s="471"/>
      <c r="B20" s="231" t="s">
        <v>85</v>
      </c>
      <c r="C20" s="439">
        <f>【手順２】ネット型!D35</f>
        <v>0</v>
      </c>
      <c r="D20" s="439"/>
      <c r="E20" s="439">
        <f>【手順２】ネット型!F35</f>
        <v>0</v>
      </c>
      <c r="F20" s="439"/>
      <c r="G20" s="439">
        <f>【手順２】ネット型!H35</f>
        <v>0</v>
      </c>
      <c r="H20" s="439"/>
      <c r="I20" s="439">
        <f>【手順２】ネット型!J35</f>
        <v>0</v>
      </c>
      <c r="J20" s="439"/>
      <c r="K20" s="439">
        <f>【手順２】ネット型!L35</f>
        <v>0</v>
      </c>
      <c r="L20" s="439"/>
      <c r="M20" s="439">
        <f>【手順２】ネット型!N35</f>
        <v>0</v>
      </c>
      <c r="N20" s="439"/>
      <c r="O20" s="439">
        <f>【手順２】ネット型!P35</f>
        <v>0</v>
      </c>
      <c r="P20" s="439"/>
      <c r="Q20" s="439">
        <f>【手順２】ネット型!R35</f>
        <v>0</v>
      </c>
      <c r="R20" s="439"/>
      <c r="S20" s="439">
        <f>【手順２】ネット型!T35</f>
        <v>0</v>
      </c>
      <c r="T20" s="439"/>
      <c r="U20" s="439">
        <f>【手順２】ネット型!V35</f>
        <v>0</v>
      </c>
      <c r="V20" s="439"/>
      <c r="W20" s="483"/>
      <c r="X20" s="416"/>
      <c r="Y20" s="416"/>
      <c r="Z20" s="416"/>
      <c r="AA20" s="416"/>
    </row>
    <row r="21" spans="1:27" ht="23" customHeight="1" x14ac:dyDescent="0.55000000000000004">
      <c r="A21" s="472"/>
      <c r="B21" s="204"/>
      <c r="C21" s="419" t="s">
        <v>327</v>
      </c>
      <c r="D21" s="429"/>
      <c r="E21" s="429"/>
      <c r="F21" s="429"/>
      <c r="G21" s="429"/>
      <c r="H21" s="429"/>
      <c r="I21" s="429"/>
      <c r="J21" s="429"/>
      <c r="K21" s="429"/>
      <c r="L21" s="429"/>
      <c r="M21" s="429"/>
      <c r="N21" s="429"/>
      <c r="O21" s="429"/>
      <c r="P21" s="429"/>
      <c r="Q21" s="429"/>
      <c r="R21" s="429"/>
      <c r="S21" s="429"/>
      <c r="T21" s="429"/>
      <c r="U21" s="429"/>
      <c r="V21" s="420"/>
      <c r="W21" s="430"/>
      <c r="X21" s="431"/>
      <c r="Y21" s="431"/>
      <c r="Z21" s="431"/>
      <c r="AA21" s="432"/>
    </row>
    <row r="22" spans="1:27" ht="38" customHeight="1" x14ac:dyDescent="0.55000000000000004">
      <c r="A22" s="470" t="s">
        <v>89</v>
      </c>
      <c r="B22" s="481" t="s">
        <v>1</v>
      </c>
      <c r="C22" s="433"/>
      <c r="D22" s="434"/>
      <c r="E22" s="434"/>
      <c r="F22" s="434"/>
      <c r="G22" s="434"/>
      <c r="H22" s="434"/>
      <c r="I22" s="434"/>
      <c r="J22" s="434"/>
      <c r="K22" s="434"/>
      <c r="L22" s="434"/>
      <c r="M22" s="434"/>
      <c r="N22" s="434"/>
      <c r="O22" s="434"/>
      <c r="P22" s="434"/>
      <c r="Q22" s="434"/>
      <c r="R22" s="434"/>
      <c r="S22" s="434"/>
      <c r="T22" s="434"/>
      <c r="U22" s="434"/>
      <c r="V22" s="434"/>
      <c r="W22" s="434"/>
      <c r="X22" s="434"/>
      <c r="Y22" s="434"/>
      <c r="Z22" s="434"/>
      <c r="AA22" s="435"/>
    </row>
    <row r="23" spans="1:27" ht="38" customHeight="1" x14ac:dyDescent="0.55000000000000004">
      <c r="A23" s="471"/>
      <c r="B23" s="481"/>
      <c r="C23" s="436"/>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8"/>
    </row>
    <row r="24" spans="1:27" ht="38" customHeight="1" x14ac:dyDescent="0.55000000000000004">
      <c r="A24" s="471"/>
      <c r="B24" s="481"/>
      <c r="C24" s="440"/>
      <c r="D24" s="441"/>
      <c r="E24" s="441"/>
      <c r="F24" s="441"/>
      <c r="G24" s="441"/>
      <c r="H24" s="441"/>
      <c r="I24" s="441"/>
      <c r="J24" s="441"/>
      <c r="K24" s="441"/>
      <c r="L24" s="441"/>
      <c r="M24" s="441"/>
      <c r="N24" s="441"/>
      <c r="O24" s="441"/>
      <c r="P24" s="441"/>
      <c r="Q24" s="441"/>
      <c r="R24" s="441"/>
      <c r="S24" s="441"/>
      <c r="T24" s="441"/>
      <c r="U24" s="441"/>
      <c r="V24" s="441"/>
      <c r="W24" s="441"/>
      <c r="X24" s="441"/>
      <c r="Y24" s="441"/>
      <c r="Z24" s="441"/>
      <c r="AA24" s="442"/>
    </row>
    <row r="25" spans="1:27" ht="38" customHeight="1" x14ac:dyDescent="0.55000000000000004">
      <c r="A25" s="471"/>
      <c r="B25" s="482"/>
      <c r="C25" s="450"/>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2"/>
    </row>
    <row r="26" spans="1:27" ht="38" customHeight="1" x14ac:dyDescent="0.55000000000000004">
      <c r="A26" s="471"/>
      <c r="B26" s="480" t="s">
        <v>363</v>
      </c>
      <c r="C26" s="453"/>
      <c r="D26" s="454"/>
      <c r="E26" s="454"/>
      <c r="F26" s="454"/>
      <c r="G26" s="454"/>
      <c r="H26" s="454"/>
      <c r="I26" s="454"/>
      <c r="J26" s="454"/>
      <c r="K26" s="454"/>
      <c r="L26" s="454"/>
      <c r="M26" s="454"/>
      <c r="N26" s="454"/>
      <c r="O26" s="454"/>
      <c r="P26" s="454"/>
      <c r="Q26" s="454"/>
      <c r="R26" s="454"/>
      <c r="S26" s="454"/>
      <c r="T26" s="454"/>
      <c r="U26" s="454"/>
      <c r="V26" s="454"/>
      <c r="W26" s="454"/>
      <c r="X26" s="454"/>
      <c r="Y26" s="454"/>
      <c r="Z26" s="454"/>
      <c r="AA26" s="455"/>
    </row>
    <row r="27" spans="1:27" ht="38" customHeight="1" x14ac:dyDescent="0.55000000000000004">
      <c r="A27" s="471"/>
      <c r="B27" s="477"/>
      <c r="C27" s="436"/>
      <c r="D27" s="437"/>
      <c r="E27" s="437"/>
      <c r="F27" s="437"/>
      <c r="G27" s="437"/>
      <c r="H27" s="437"/>
      <c r="I27" s="437"/>
      <c r="J27" s="437"/>
      <c r="K27" s="437"/>
      <c r="L27" s="437"/>
      <c r="M27" s="437"/>
      <c r="N27" s="437"/>
      <c r="O27" s="437"/>
      <c r="P27" s="437"/>
      <c r="Q27" s="437"/>
      <c r="R27" s="437"/>
      <c r="S27" s="437"/>
      <c r="T27" s="437"/>
      <c r="U27" s="437"/>
      <c r="V27" s="437"/>
      <c r="W27" s="437"/>
      <c r="X27" s="437"/>
      <c r="Y27" s="437"/>
      <c r="Z27" s="437"/>
      <c r="AA27" s="438"/>
    </row>
    <row r="28" spans="1:27" ht="38" customHeight="1" x14ac:dyDescent="0.55000000000000004">
      <c r="A28" s="471"/>
      <c r="B28" s="477"/>
      <c r="C28" s="436"/>
      <c r="D28" s="437"/>
      <c r="E28" s="437"/>
      <c r="F28" s="437"/>
      <c r="G28" s="437"/>
      <c r="H28" s="437"/>
      <c r="I28" s="437"/>
      <c r="J28" s="437"/>
      <c r="K28" s="437"/>
      <c r="L28" s="437"/>
      <c r="M28" s="437"/>
      <c r="N28" s="437"/>
      <c r="O28" s="437"/>
      <c r="P28" s="437"/>
      <c r="Q28" s="437"/>
      <c r="R28" s="437"/>
      <c r="S28" s="437"/>
      <c r="T28" s="437"/>
      <c r="U28" s="437"/>
      <c r="V28" s="437"/>
      <c r="W28" s="437"/>
      <c r="X28" s="437"/>
      <c r="Y28" s="437"/>
      <c r="Z28" s="437"/>
      <c r="AA28" s="438"/>
    </row>
    <row r="29" spans="1:27" ht="38" customHeight="1" x14ac:dyDescent="0.55000000000000004">
      <c r="A29" s="471"/>
      <c r="B29" s="477"/>
      <c r="C29" s="440"/>
      <c r="D29" s="441"/>
      <c r="E29" s="441"/>
      <c r="F29" s="441"/>
      <c r="G29" s="441"/>
      <c r="H29" s="441"/>
      <c r="I29" s="441"/>
      <c r="J29" s="441"/>
      <c r="K29" s="441"/>
      <c r="L29" s="441"/>
      <c r="M29" s="441"/>
      <c r="N29" s="441"/>
      <c r="O29" s="441"/>
      <c r="P29" s="441"/>
      <c r="Q29" s="441"/>
      <c r="R29" s="441"/>
      <c r="S29" s="441"/>
      <c r="T29" s="441"/>
      <c r="U29" s="441"/>
      <c r="V29" s="441"/>
      <c r="W29" s="441"/>
      <c r="X29" s="441"/>
      <c r="Y29" s="441"/>
      <c r="Z29" s="441"/>
      <c r="AA29" s="442"/>
    </row>
    <row r="30" spans="1:27" ht="38" customHeight="1" x14ac:dyDescent="0.55000000000000004">
      <c r="A30" s="471"/>
      <c r="B30" s="477"/>
      <c r="C30" s="440"/>
      <c r="D30" s="441"/>
      <c r="E30" s="441"/>
      <c r="F30" s="441"/>
      <c r="G30" s="441"/>
      <c r="H30" s="441"/>
      <c r="I30" s="441"/>
      <c r="J30" s="441"/>
      <c r="K30" s="441"/>
      <c r="L30" s="441"/>
      <c r="M30" s="441"/>
      <c r="N30" s="441"/>
      <c r="O30" s="441"/>
      <c r="P30" s="441"/>
      <c r="Q30" s="441"/>
      <c r="R30" s="441"/>
      <c r="S30" s="441"/>
      <c r="T30" s="441"/>
      <c r="U30" s="441"/>
      <c r="V30" s="441"/>
      <c r="W30" s="441"/>
      <c r="X30" s="441"/>
      <c r="Y30" s="441"/>
      <c r="Z30" s="441"/>
      <c r="AA30" s="442"/>
    </row>
    <row r="31" spans="1:27" ht="38" customHeight="1" x14ac:dyDescent="0.55000000000000004">
      <c r="A31" s="471"/>
      <c r="B31" s="478"/>
      <c r="C31" s="450"/>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2"/>
    </row>
    <row r="32" spans="1:27" ht="38" customHeight="1" x14ac:dyDescent="0.55000000000000004">
      <c r="A32" s="471"/>
      <c r="B32" s="477" t="s">
        <v>96</v>
      </c>
      <c r="C32" s="433"/>
      <c r="D32" s="434"/>
      <c r="E32" s="434"/>
      <c r="F32" s="434"/>
      <c r="G32" s="434"/>
      <c r="H32" s="434"/>
      <c r="I32" s="434"/>
      <c r="J32" s="434"/>
      <c r="K32" s="434"/>
      <c r="L32" s="434"/>
      <c r="M32" s="434"/>
      <c r="N32" s="434"/>
      <c r="O32" s="434"/>
      <c r="P32" s="434"/>
      <c r="Q32" s="434"/>
      <c r="R32" s="434"/>
      <c r="S32" s="434"/>
      <c r="T32" s="434"/>
      <c r="U32" s="434"/>
      <c r="V32" s="434"/>
      <c r="W32" s="434"/>
      <c r="X32" s="434"/>
      <c r="Y32" s="434"/>
      <c r="Z32" s="434"/>
      <c r="AA32" s="435"/>
    </row>
    <row r="33" spans="1:27" ht="37.5" customHeight="1" x14ac:dyDescent="0.55000000000000004">
      <c r="A33" s="471"/>
      <c r="B33" s="479"/>
      <c r="C33" s="436"/>
      <c r="D33" s="437"/>
      <c r="E33" s="437"/>
      <c r="F33" s="437"/>
      <c r="G33" s="437"/>
      <c r="H33" s="437"/>
      <c r="I33" s="437"/>
      <c r="J33" s="437"/>
      <c r="K33" s="437"/>
      <c r="L33" s="437"/>
      <c r="M33" s="437"/>
      <c r="N33" s="437"/>
      <c r="O33" s="437"/>
      <c r="P33" s="437"/>
      <c r="Q33" s="437"/>
      <c r="R33" s="437"/>
      <c r="S33" s="437"/>
      <c r="T33" s="437"/>
      <c r="U33" s="437"/>
      <c r="V33" s="437"/>
      <c r="W33" s="437"/>
      <c r="X33" s="437"/>
      <c r="Y33" s="437"/>
      <c r="Z33" s="437"/>
      <c r="AA33" s="438"/>
    </row>
    <row r="34" spans="1:27" ht="37.5" customHeight="1" x14ac:dyDescent="0.55000000000000004">
      <c r="A34" s="471"/>
      <c r="B34" s="479"/>
      <c r="C34" s="440"/>
      <c r="D34" s="441"/>
      <c r="E34" s="441"/>
      <c r="F34" s="441"/>
      <c r="G34" s="441"/>
      <c r="H34" s="441"/>
      <c r="I34" s="441"/>
      <c r="J34" s="441"/>
      <c r="K34" s="441"/>
      <c r="L34" s="441"/>
      <c r="M34" s="441"/>
      <c r="N34" s="441"/>
      <c r="O34" s="441"/>
      <c r="P34" s="441"/>
      <c r="Q34" s="441"/>
      <c r="R34" s="441"/>
      <c r="S34" s="441"/>
      <c r="T34" s="441"/>
      <c r="U34" s="441"/>
      <c r="V34" s="441"/>
      <c r="W34" s="441"/>
      <c r="X34" s="441"/>
      <c r="Y34" s="441"/>
      <c r="Z34" s="441"/>
      <c r="AA34" s="442"/>
    </row>
    <row r="35" spans="1:27" ht="37.5" customHeight="1" x14ac:dyDescent="0.55000000000000004">
      <c r="A35" s="471"/>
      <c r="B35" s="479"/>
      <c r="C35" s="443"/>
      <c r="D35" s="444"/>
      <c r="E35" s="444"/>
      <c r="F35" s="444"/>
      <c r="G35" s="444"/>
      <c r="H35" s="444"/>
      <c r="I35" s="444"/>
      <c r="J35" s="444"/>
      <c r="K35" s="444"/>
      <c r="L35" s="444"/>
      <c r="M35" s="444"/>
      <c r="N35" s="444"/>
      <c r="O35" s="444"/>
      <c r="P35" s="444"/>
      <c r="Q35" s="444"/>
      <c r="R35" s="444"/>
      <c r="S35" s="444"/>
      <c r="T35" s="444"/>
      <c r="U35" s="444"/>
      <c r="V35" s="444"/>
      <c r="W35" s="444"/>
      <c r="X35" s="444"/>
      <c r="Y35" s="444"/>
      <c r="Z35" s="444"/>
      <c r="AA35" s="445"/>
    </row>
    <row r="36" spans="1:27" ht="37.5" customHeight="1" x14ac:dyDescent="0.55000000000000004">
      <c r="A36" s="471"/>
      <c r="B36" s="476" t="s">
        <v>5</v>
      </c>
      <c r="C36" s="447"/>
      <c r="D36" s="448"/>
      <c r="E36" s="448"/>
      <c r="F36" s="448"/>
      <c r="G36" s="448"/>
      <c r="H36" s="448"/>
      <c r="I36" s="448"/>
      <c r="J36" s="448"/>
      <c r="K36" s="448"/>
      <c r="L36" s="448"/>
      <c r="M36" s="448"/>
      <c r="N36" s="448"/>
      <c r="O36" s="448"/>
      <c r="P36" s="448"/>
      <c r="Q36" s="448"/>
      <c r="R36" s="448"/>
      <c r="S36" s="448"/>
      <c r="T36" s="448"/>
      <c r="U36" s="448"/>
      <c r="V36" s="448"/>
      <c r="W36" s="448"/>
      <c r="X36" s="448"/>
      <c r="Y36" s="448"/>
      <c r="Z36" s="448"/>
      <c r="AA36" s="449"/>
    </row>
    <row r="37" spans="1:27" ht="37.5" customHeight="1" x14ac:dyDescent="0.55000000000000004">
      <c r="A37" s="471"/>
      <c r="B37" s="477"/>
      <c r="C37" s="456"/>
      <c r="D37" s="457"/>
      <c r="E37" s="457"/>
      <c r="F37" s="457"/>
      <c r="G37" s="457"/>
      <c r="H37" s="457"/>
      <c r="I37" s="457"/>
      <c r="J37" s="457"/>
      <c r="K37" s="457"/>
      <c r="L37" s="457"/>
      <c r="M37" s="457"/>
      <c r="N37" s="457"/>
      <c r="O37" s="457"/>
      <c r="P37" s="457"/>
      <c r="Q37" s="457"/>
      <c r="R37" s="457"/>
      <c r="S37" s="457"/>
      <c r="T37" s="457"/>
      <c r="U37" s="457"/>
      <c r="V37" s="457"/>
      <c r="W37" s="457"/>
      <c r="X37" s="457"/>
      <c r="Y37" s="457"/>
      <c r="Z37" s="457"/>
      <c r="AA37" s="458"/>
    </row>
    <row r="38" spans="1:27" ht="37.5" customHeight="1" x14ac:dyDescent="0.55000000000000004">
      <c r="A38" s="471"/>
      <c r="B38" s="477"/>
      <c r="C38" s="423"/>
      <c r="D38" s="424"/>
      <c r="E38" s="424"/>
      <c r="F38" s="424"/>
      <c r="G38" s="424"/>
      <c r="H38" s="424"/>
      <c r="I38" s="424"/>
      <c r="J38" s="424"/>
      <c r="K38" s="424"/>
      <c r="L38" s="424"/>
      <c r="M38" s="424"/>
      <c r="N38" s="424"/>
      <c r="O38" s="424"/>
      <c r="P38" s="424"/>
      <c r="Q38" s="424"/>
      <c r="R38" s="424"/>
      <c r="S38" s="424"/>
      <c r="T38" s="424"/>
      <c r="U38" s="424"/>
      <c r="V38" s="424"/>
      <c r="W38" s="424"/>
      <c r="X38" s="424"/>
      <c r="Y38" s="424"/>
      <c r="Z38" s="424"/>
      <c r="AA38" s="425"/>
    </row>
    <row r="39" spans="1:27" ht="37.5" customHeight="1" x14ac:dyDescent="0.55000000000000004">
      <c r="A39" s="472"/>
      <c r="B39" s="478"/>
      <c r="C39" s="426"/>
      <c r="D39" s="427"/>
      <c r="E39" s="427"/>
      <c r="F39" s="427"/>
      <c r="G39" s="427"/>
      <c r="H39" s="427"/>
      <c r="I39" s="427"/>
      <c r="J39" s="427"/>
      <c r="K39" s="427"/>
      <c r="L39" s="427"/>
      <c r="M39" s="427"/>
      <c r="N39" s="427"/>
      <c r="O39" s="427"/>
      <c r="P39" s="427"/>
      <c r="Q39" s="427"/>
      <c r="R39" s="427"/>
      <c r="S39" s="427"/>
      <c r="T39" s="427"/>
      <c r="U39" s="427"/>
      <c r="V39" s="427"/>
      <c r="W39" s="427"/>
      <c r="X39" s="427"/>
      <c r="Y39" s="427"/>
      <c r="Z39" s="427"/>
      <c r="AA39" s="428"/>
    </row>
    <row r="40" spans="1:27" ht="37.5" customHeight="1" x14ac:dyDescent="0.55000000000000004"/>
    <row r="44" spans="1:27" ht="29" customHeight="1" x14ac:dyDescent="0.55000000000000004"/>
    <row r="53" spans="2:2" ht="28.5" customHeight="1" x14ac:dyDescent="0.55000000000000004"/>
    <row r="63" spans="2:2" ht="28.5" customHeight="1"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row r="71" spans="2:2" x14ac:dyDescent="0.55000000000000004">
      <c r="B71" s="63"/>
    </row>
  </sheetData>
  <mergeCells count="94">
    <mergeCell ref="C39:AA39"/>
    <mergeCell ref="G17:H17"/>
    <mergeCell ref="W18:AA18"/>
    <mergeCell ref="G19:H19"/>
    <mergeCell ref="I19:J19"/>
    <mergeCell ref="C34:AA34"/>
    <mergeCell ref="C35:AA35"/>
    <mergeCell ref="C36:AA36"/>
    <mergeCell ref="C37:AA37"/>
    <mergeCell ref="C38:AA38"/>
    <mergeCell ref="U19:V19"/>
    <mergeCell ref="W19:AA19"/>
    <mergeCell ref="K17:L17"/>
    <mergeCell ref="M17:N17"/>
    <mergeCell ref="W20:AA20"/>
    <mergeCell ref="K19:L19"/>
    <mergeCell ref="A22:A39"/>
    <mergeCell ref="B22:B25"/>
    <mergeCell ref="B26:B31"/>
    <mergeCell ref="B32:B35"/>
    <mergeCell ref="B36:B39"/>
    <mergeCell ref="A6:A15"/>
    <mergeCell ref="A16:A21"/>
    <mergeCell ref="B7:B15"/>
    <mergeCell ref="C17:D17"/>
    <mergeCell ref="E17:F17"/>
    <mergeCell ref="C6:D6"/>
    <mergeCell ref="E6:F6"/>
    <mergeCell ref="C16:D16"/>
    <mergeCell ref="E16:F16"/>
    <mergeCell ref="C19:D19"/>
    <mergeCell ref="E19:F19"/>
    <mergeCell ref="C21:V21"/>
    <mergeCell ref="I17:J17"/>
    <mergeCell ref="G6:H6"/>
    <mergeCell ref="I6:J6"/>
    <mergeCell ref="K6:L6"/>
    <mergeCell ref="A3:A5"/>
    <mergeCell ref="A1:AA1"/>
    <mergeCell ref="A2:AA2"/>
    <mergeCell ref="B3:F3"/>
    <mergeCell ref="B4:F4"/>
    <mergeCell ref="B5:F5"/>
    <mergeCell ref="G3:AA3"/>
    <mergeCell ref="G4:AA4"/>
    <mergeCell ref="G5:AA5"/>
    <mergeCell ref="M6:N6"/>
    <mergeCell ref="O6:P6"/>
    <mergeCell ref="Q6:R6"/>
    <mergeCell ref="S6:T6"/>
    <mergeCell ref="U6:V6"/>
    <mergeCell ref="W6:AA6"/>
    <mergeCell ref="O17:P17"/>
    <mergeCell ref="Q17:R17"/>
    <mergeCell ref="S17:T17"/>
    <mergeCell ref="W7:AA15"/>
    <mergeCell ref="Q16:R16"/>
    <mergeCell ref="S16:T16"/>
    <mergeCell ref="U16:V16"/>
    <mergeCell ref="W16:AA16"/>
    <mergeCell ref="U17:V17"/>
    <mergeCell ref="W17:AA17"/>
    <mergeCell ref="G16:H16"/>
    <mergeCell ref="I16:J16"/>
    <mergeCell ref="K16:L16"/>
    <mergeCell ref="M16:N16"/>
    <mergeCell ref="O16:P16"/>
    <mergeCell ref="M19:N19"/>
    <mergeCell ref="O19:P19"/>
    <mergeCell ref="Q19:R19"/>
    <mergeCell ref="S19:T19"/>
    <mergeCell ref="W21:AA21"/>
    <mergeCell ref="C22:AA22"/>
    <mergeCell ref="C23:AA23"/>
    <mergeCell ref="M20:N20"/>
    <mergeCell ref="O20:P20"/>
    <mergeCell ref="Q20:R20"/>
    <mergeCell ref="S20:T20"/>
    <mergeCell ref="U20:V20"/>
    <mergeCell ref="C20:D20"/>
    <mergeCell ref="E20:F20"/>
    <mergeCell ref="G20:H20"/>
    <mergeCell ref="I20:J20"/>
    <mergeCell ref="K20:L20"/>
    <mergeCell ref="C24:AA24"/>
    <mergeCell ref="C25:AA25"/>
    <mergeCell ref="C26:AA26"/>
    <mergeCell ref="C27:AA27"/>
    <mergeCell ref="C28:AA28"/>
    <mergeCell ref="C29:AA29"/>
    <mergeCell ref="C30:AA30"/>
    <mergeCell ref="C31:AA31"/>
    <mergeCell ref="C32:AA32"/>
    <mergeCell ref="C33:AA33"/>
  </mergeCells>
  <phoneticPr fontId="1"/>
  <printOptions horizontalCentered="1" verticalCentered="1"/>
  <pageMargins left="0.70866141732283472" right="0.70866141732283472" top="0.74803149606299213" bottom="0.74803149606299213" header="0.31496062992125984" footer="0.31496062992125984"/>
  <pageSetup paperSize="9" scale="51" orientation="portrait" r:id="rId1"/>
  <colBreaks count="1" manualBreakCount="1">
    <brk id="27" max="1048575" man="1"/>
  </colBreaks>
  <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D$1:$D$8</xm:f>
          </x14:formula1>
          <xm:sqref>C26:AA31</xm:sqref>
        </x14:dataValidation>
        <x14:dataValidation type="list" allowBlank="1" showInputMessage="1" showErrorMessage="1">
          <x14:formula1>
            <xm:f>リスト!$B$1:$B$4</xm:f>
          </x14:formula1>
          <xm:sqref>C22:AA25</xm:sqref>
        </x14:dataValidation>
        <x14:dataValidation type="list" allowBlank="1" showInputMessage="1" showErrorMessage="1">
          <x14:formula1>
            <xm:f>リスト!$F$1:$F$9</xm:f>
          </x14:formula1>
          <xm:sqref>C32:AA35</xm:sqref>
        </x14:dataValidation>
        <x14:dataValidation type="list" allowBlank="1" showInputMessage="1" showErrorMessage="1">
          <x14:formula1>
            <xm:f>リスト!$G$1:$G$6</xm:f>
          </x14:formula1>
          <xm:sqref>C36:AA39</xm:sqref>
        </x14:dataValidation>
      </x14:dataValidations>
    </ext>
  </extLst>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00B0F0"/>
  </sheetPr>
  <dimension ref="A1:AA71"/>
  <sheetViews>
    <sheetView zoomScale="70" zoomScaleNormal="70" workbookViewId="0">
      <selection activeCell="A2" sqref="A2:AA2"/>
    </sheetView>
  </sheetViews>
  <sheetFormatPr defaultRowHeight="18" x14ac:dyDescent="0.55000000000000004"/>
  <cols>
    <col min="2" max="2" width="8.25" customWidth="1"/>
    <col min="3" max="22" width="4.4140625" customWidth="1"/>
    <col min="23" max="27" width="8.25" customWidth="1"/>
  </cols>
  <sheetData>
    <row r="1" spans="1:27" ht="42" customHeight="1" x14ac:dyDescent="0.55000000000000004">
      <c r="A1" s="459" t="s">
        <v>101</v>
      </c>
      <c r="B1" s="459"/>
      <c r="C1" s="459"/>
      <c r="D1" s="459"/>
      <c r="E1" s="459"/>
      <c r="F1" s="459"/>
      <c r="G1" s="459"/>
      <c r="H1" s="459"/>
      <c r="I1" s="459"/>
      <c r="J1" s="459"/>
      <c r="K1" s="459"/>
      <c r="L1" s="459"/>
      <c r="M1" s="459"/>
      <c r="N1" s="459"/>
      <c r="O1" s="459"/>
      <c r="P1" s="459"/>
      <c r="Q1" s="459"/>
      <c r="R1" s="459"/>
      <c r="S1" s="459"/>
      <c r="T1" s="459"/>
      <c r="U1" s="459"/>
      <c r="V1" s="459"/>
      <c r="W1" s="459"/>
      <c r="X1" s="459"/>
      <c r="Y1" s="459"/>
      <c r="Z1" s="459"/>
      <c r="AA1" s="459"/>
    </row>
    <row r="2" spans="1:27" ht="143.5" customHeight="1" x14ac:dyDescent="0.55000000000000004">
      <c r="A2" s="460" t="s">
        <v>364</v>
      </c>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2"/>
    </row>
    <row r="3" spans="1:27" ht="71.5" customHeight="1" x14ac:dyDescent="0.55000000000000004">
      <c r="A3" s="473" t="s">
        <v>76</v>
      </c>
      <c r="B3" s="463" t="s">
        <v>102</v>
      </c>
      <c r="C3" s="464"/>
      <c r="D3" s="464"/>
      <c r="E3" s="464"/>
      <c r="F3" s="465"/>
      <c r="G3" s="413" t="s">
        <v>368</v>
      </c>
      <c r="H3" s="414"/>
      <c r="I3" s="414"/>
      <c r="J3" s="414"/>
      <c r="K3" s="414"/>
      <c r="L3" s="414"/>
      <c r="M3" s="414"/>
      <c r="N3" s="414"/>
      <c r="O3" s="414"/>
      <c r="P3" s="414"/>
      <c r="Q3" s="414"/>
      <c r="R3" s="414"/>
      <c r="S3" s="414"/>
      <c r="T3" s="414"/>
      <c r="U3" s="414"/>
      <c r="V3" s="414"/>
      <c r="W3" s="414"/>
      <c r="X3" s="414"/>
      <c r="Y3" s="414"/>
      <c r="Z3" s="414"/>
      <c r="AA3" s="415"/>
    </row>
    <row r="4" spans="1:27" ht="44" customHeight="1" x14ac:dyDescent="0.55000000000000004">
      <c r="A4" s="474"/>
      <c r="B4" s="463" t="s">
        <v>77</v>
      </c>
      <c r="C4" s="464"/>
      <c r="D4" s="464"/>
      <c r="E4" s="464"/>
      <c r="F4" s="465"/>
      <c r="G4" s="413" t="s">
        <v>371</v>
      </c>
      <c r="H4" s="414"/>
      <c r="I4" s="414"/>
      <c r="J4" s="414"/>
      <c r="K4" s="414"/>
      <c r="L4" s="414"/>
      <c r="M4" s="414"/>
      <c r="N4" s="414"/>
      <c r="O4" s="414"/>
      <c r="P4" s="414"/>
      <c r="Q4" s="414"/>
      <c r="R4" s="414"/>
      <c r="S4" s="414"/>
      <c r="T4" s="414"/>
      <c r="U4" s="414"/>
      <c r="V4" s="414"/>
      <c r="W4" s="414"/>
      <c r="X4" s="414"/>
      <c r="Y4" s="414"/>
      <c r="Z4" s="414"/>
      <c r="AA4" s="415"/>
    </row>
    <row r="5" spans="1:27" ht="66.5" customHeight="1" x14ac:dyDescent="0.55000000000000004">
      <c r="A5" s="475"/>
      <c r="B5" s="463" t="s">
        <v>78</v>
      </c>
      <c r="C5" s="464"/>
      <c r="D5" s="464"/>
      <c r="E5" s="464"/>
      <c r="F5" s="465"/>
      <c r="G5" s="413" t="s">
        <v>372</v>
      </c>
      <c r="H5" s="414"/>
      <c r="I5" s="414"/>
      <c r="J5" s="414"/>
      <c r="K5" s="414"/>
      <c r="L5" s="414"/>
      <c r="M5" s="414"/>
      <c r="N5" s="414"/>
      <c r="O5" s="414"/>
      <c r="P5" s="414"/>
      <c r="Q5" s="414"/>
      <c r="R5" s="414"/>
      <c r="S5" s="414"/>
      <c r="T5" s="414"/>
      <c r="U5" s="414"/>
      <c r="V5" s="414"/>
      <c r="W5" s="414"/>
      <c r="X5" s="414"/>
      <c r="Y5" s="414"/>
      <c r="Z5" s="414"/>
      <c r="AA5" s="415"/>
    </row>
    <row r="6" spans="1:27" ht="23" customHeight="1" x14ac:dyDescent="0.55000000000000004">
      <c r="A6" s="470" t="s">
        <v>361</v>
      </c>
      <c r="B6" s="231" t="s">
        <v>80</v>
      </c>
      <c r="C6" s="421">
        <v>1</v>
      </c>
      <c r="D6" s="422"/>
      <c r="E6" s="421">
        <v>2</v>
      </c>
      <c r="F6" s="422"/>
      <c r="G6" s="421">
        <v>3</v>
      </c>
      <c r="H6" s="422"/>
      <c r="I6" s="421">
        <v>4</v>
      </c>
      <c r="J6" s="422"/>
      <c r="K6" s="421">
        <v>5</v>
      </c>
      <c r="L6" s="422"/>
      <c r="M6" s="421">
        <v>6</v>
      </c>
      <c r="N6" s="422"/>
      <c r="O6" s="421">
        <v>7</v>
      </c>
      <c r="P6" s="422"/>
      <c r="Q6" s="421">
        <v>8</v>
      </c>
      <c r="R6" s="422"/>
      <c r="S6" s="421">
        <v>9</v>
      </c>
      <c r="T6" s="422"/>
      <c r="U6" s="421">
        <v>10</v>
      </c>
      <c r="V6" s="422"/>
      <c r="W6" s="446" t="s">
        <v>99</v>
      </c>
      <c r="X6" s="446"/>
      <c r="Y6" s="446"/>
      <c r="Z6" s="446"/>
      <c r="AA6" s="446"/>
    </row>
    <row r="7" spans="1:27" ht="23" customHeight="1" x14ac:dyDescent="0.55000000000000004">
      <c r="A7" s="471"/>
      <c r="B7" s="466" t="s">
        <v>88</v>
      </c>
      <c r="C7" s="232"/>
      <c r="D7" s="233"/>
      <c r="E7" s="233"/>
      <c r="F7" s="233"/>
      <c r="G7" s="233"/>
      <c r="H7" s="233"/>
      <c r="I7" s="233"/>
      <c r="J7" s="233"/>
      <c r="K7" s="233"/>
      <c r="L7" s="233"/>
      <c r="M7" s="233"/>
      <c r="N7" s="233"/>
      <c r="O7" s="233"/>
      <c r="P7" s="233"/>
      <c r="Q7" s="233"/>
      <c r="R7" s="233"/>
      <c r="S7" s="233"/>
      <c r="T7" s="233"/>
      <c r="U7" s="233"/>
      <c r="V7" s="234"/>
      <c r="W7" s="468" t="s">
        <v>362</v>
      </c>
      <c r="X7" s="469"/>
      <c r="Y7" s="469"/>
      <c r="Z7" s="469"/>
      <c r="AA7" s="469"/>
    </row>
    <row r="8" spans="1:27" ht="23" customHeight="1" x14ac:dyDescent="0.55000000000000004">
      <c r="A8" s="471"/>
      <c r="B8" s="467"/>
      <c r="C8" s="235"/>
      <c r="D8" s="236"/>
      <c r="E8" s="236"/>
      <c r="F8" s="236"/>
      <c r="G8" s="236"/>
      <c r="H8" s="236"/>
      <c r="I8" s="236"/>
      <c r="J8" s="236"/>
      <c r="K8" s="236"/>
      <c r="L8" s="236"/>
      <c r="M8" s="236"/>
      <c r="N8" s="236"/>
      <c r="O8" s="236"/>
      <c r="P8" s="236"/>
      <c r="Q8" s="236"/>
      <c r="R8" s="236"/>
      <c r="S8" s="236"/>
      <c r="T8" s="236"/>
      <c r="U8" s="236"/>
      <c r="V8" s="237"/>
      <c r="W8" s="469"/>
      <c r="X8" s="469"/>
      <c r="Y8" s="469"/>
      <c r="Z8" s="469"/>
      <c r="AA8" s="469"/>
    </row>
    <row r="9" spans="1:27" ht="23" customHeight="1" x14ac:dyDescent="0.55000000000000004">
      <c r="A9" s="471"/>
      <c r="B9" s="467"/>
      <c r="C9" s="235"/>
      <c r="D9" s="236"/>
      <c r="E9" s="236"/>
      <c r="F9" s="236"/>
      <c r="G9" s="236"/>
      <c r="H9" s="236"/>
      <c r="I9" s="236"/>
      <c r="J9" s="236"/>
      <c r="K9" s="236"/>
      <c r="L9" s="236"/>
      <c r="M9" s="236"/>
      <c r="N9" s="236"/>
      <c r="O9" s="236"/>
      <c r="P9" s="236"/>
      <c r="Q9" s="236"/>
      <c r="R9" s="236"/>
      <c r="S9" s="236"/>
      <c r="T9" s="236"/>
      <c r="U9" s="236"/>
      <c r="V9" s="237"/>
      <c r="W9" s="469"/>
      <c r="X9" s="469"/>
      <c r="Y9" s="469"/>
      <c r="Z9" s="469"/>
      <c r="AA9" s="469"/>
    </row>
    <row r="10" spans="1:27" ht="23" customHeight="1" x14ac:dyDescent="0.55000000000000004">
      <c r="A10" s="471"/>
      <c r="B10" s="467"/>
      <c r="C10" s="235"/>
      <c r="D10" s="236"/>
      <c r="E10" s="236"/>
      <c r="F10" s="236"/>
      <c r="G10" s="236"/>
      <c r="H10" s="236"/>
      <c r="I10" s="236"/>
      <c r="J10" s="236"/>
      <c r="K10" s="236"/>
      <c r="L10" s="236"/>
      <c r="M10" s="236"/>
      <c r="N10" s="236"/>
      <c r="O10" s="236"/>
      <c r="P10" s="236"/>
      <c r="Q10" s="236"/>
      <c r="R10" s="236"/>
      <c r="S10" s="236"/>
      <c r="T10" s="236"/>
      <c r="U10" s="236"/>
      <c r="V10" s="237"/>
      <c r="W10" s="469"/>
      <c r="X10" s="469"/>
      <c r="Y10" s="469"/>
      <c r="Z10" s="469"/>
      <c r="AA10" s="469"/>
    </row>
    <row r="11" spans="1:27" ht="23" customHeight="1" x14ac:dyDescent="0.55000000000000004">
      <c r="A11" s="471"/>
      <c r="B11" s="467"/>
      <c r="C11" s="235"/>
      <c r="D11" s="236"/>
      <c r="E11" s="236"/>
      <c r="F11" s="236"/>
      <c r="G11" s="236"/>
      <c r="H11" s="236"/>
      <c r="I11" s="236"/>
      <c r="J11" s="236"/>
      <c r="K11" s="236"/>
      <c r="L11" s="236"/>
      <c r="M11" s="236"/>
      <c r="N11" s="236"/>
      <c r="O11" s="236"/>
      <c r="P11" s="236"/>
      <c r="Q11" s="236"/>
      <c r="R11" s="236"/>
      <c r="S11" s="236"/>
      <c r="T11" s="236"/>
      <c r="U11" s="236"/>
      <c r="V11" s="237"/>
      <c r="W11" s="469"/>
      <c r="X11" s="469"/>
      <c r="Y11" s="469"/>
      <c r="Z11" s="469"/>
      <c r="AA11" s="469"/>
    </row>
    <row r="12" spans="1:27" ht="23" customHeight="1" x14ac:dyDescent="0.55000000000000004">
      <c r="A12" s="471"/>
      <c r="B12" s="467"/>
      <c r="C12" s="235"/>
      <c r="D12" s="236"/>
      <c r="E12" s="236"/>
      <c r="F12" s="236"/>
      <c r="G12" s="236"/>
      <c r="H12" s="236"/>
      <c r="I12" s="236"/>
      <c r="J12" s="236"/>
      <c r="K12" s="236"/>
      <c r="L12" s="236"/>
      <c r="M12" s="236"/>
      <c r="N12" s="236"/>
      <c r="O12" s="236"/>
      <c r="P12" s="236"/>
      <c r="Q12" s="236"/>
      <c r="R12" s="236"/>
      <c r="S12" s="236"/>
      <c r="T12" s="236"/>
      <c r="U12" s="236"/>
      <c r="V12" s="237"/>
      <c r="W12" s="469"/>
      <c r="X12" s="469"/>
      <c r="Y12" s="469"/>
      <c r="Z12" s="469"/>
      <c r="AA12" s="469"/>
    </row>
    <row r="13" spans="1:27" ht="23" customHeight="1" x14ac:dyDescent="0.55000000000000004">
      <c r="A13" s="471"/>
      <c r="B13" s="467"/>
      <c r="C13" s="235"/>
      <c r="D13" s="236"/>
      <c r="E13" s="236"/>
      <c r="F13" s="236"/>
      <c r="G13" s="236"/>
      <c r="H13" s="236"/>
      <c r="I13" s="236"/>
      <c r="J13" s="236"/>
      <c r="K13" s="236"/>
      <c r="L13" s="236"/>
      <c r="M13" s="236"/>
      <c r="N13" s="236"/>
      <c r="O13" s="236"/>
      <c r="P13" s="236"/>
      <c r="Q13" s="236"/>
      <c r="R13" s="236"/>
      <c r="S13" s="236"/>
      <c r="T13" s="236"/>
      <c r="U13" s="236"/>
      <c r="V13" s="237"/>
      <c r="W13" s="469"/>
      <c r="X13" s="469"/>
      <c r="Y13" s="469"/>
      <c r="Z13" s="469"/>
      <c r="AA13" s="469"/>
    </row>
    <row r="14" spans="1:27" ht="23" customHeight="1" x14ac:dyDescent="0.55000000000000004">
      <c r="A14" s="471"/>
      <c r="B14" s="467"/>
      <c r="C14" s="235"/>
      <c r="D14" s="236"/>
      <c r="E14" s="236"/>
      <c r="F14" s="236"/>
      <c r="G14" s="236"/>
      <c r="H14" s="236"/>
      <c r="I14" s="236"/>
      <c r="J14" s="236"/>
      <c r="K14" s="236"/>
      <c r="L14" s="236"/>
      <c r="M14" s="236"/>
      <c r="N14" s="236"/>
      <c r="O14" s="236"/>
      <c r="P14" s="236"/>
      <c r="Q14" s="236"/>
      <c r="R14" s="236"/>
      <c r="S14" s="236"/>
      <c r="T14" s="236"/>
      <c r="U14" s="236"/>
      <c r="V14" s="237"/>
      <c r="W14" s="469"/>
      <c r="X14" s="469"/>
      <c r="Y14" s="469"/>
      <c r="Z14" s="469"/>
      <c r="AA14" s="469"/>
    </row>
    <row r="15" spans="1:27" ht="23" customHeight="1" x14ac:dyDescent="0.55000000000000004">
      <c r="A15" s="472"/>
      <c r="B15" s="467"/>
      <c r="C15" s="235"/>
      <c r="D15" s="236"/>
      <c r="E15" s="236"/>
      <c r="F15" s="236"/>
      <c r="G15" s="236"/>
      <c r="H15" s="236"/>
      <c r="I15" s="236"/>
      <c r="J15" s="236"/>
      <c r="K15" s="236"/>
      <c r="L15" s="236"/>
      <c r="M15" s="236"/>
      <c r="N15" s="236"/>
      <c r="O15" s="236"/>
      <c r="P15" s="236"/>
      <c r="Q15" s="236"/>
      <c r="R15" s="236"/>
      <c r="S15" s="236"/>
      <c r="T15" s="236"/>
      <c r="U15" s="238"/>
      <c r="V15" s="237"/>
      <c r="W15" s="469"/>
      <c r="X15" s="469"/>
      <c r="Y15" s="469"/>
      <c r="Z15" s="469"/>
      <c r="AA15" s="469"/>
    </row>
    <row r="16" spans="1:27" ht="23" customHeight="1" x14ac:dyDescent="0.55000000000000004">
      <c r="A16" s="470" t="s">
        <v>347</v>
      </c>
      <c r="B16" s="231"/>
      <c r="C16" s="421">
        <v>1</v>
      </c>
      <c r="D16" s="422"/>
      <c r="E16" s="421">
        <v>2</v>
      </c>
      <c r="F16" s="422"/>
      <c r="G16" s="421">
        <v>3</v>
      </c>
      <c r="H16" s="422"/>
      <c r="I16" s="421">
        <v>4</v>
      </c>
      <c r="J16" s="422"/>
      <c r="K16" s="421">
        <v>5</v>
      </c>
      <c r="L16" s="422"/>
      <c r="M16" s="421">
        <v>6</v>
      </c>
      <c r="N16" s="422"/>
      <c r="O16" s="421">
        <v>7</v>
      </c>
      <c r="P16" s="422"/>
      <c r="Q16" s="421">
        <v>8</v>
      </c>
      <c r="R16" s="422"/>
      <c r="S16" s="421">
        <v>9</v>
      </c>
      <c r="T16" s="422"/>
      <c r="U16" s="421">
        <v>10</v>
      </c>
      <c r="V16" s="422"/>
      <c r="W16" s="446" t="s">
        <v>100</v>
      </c>
      <c r="X16" s="446"/>
      <c r="Y16" s="446"/>
      <c r="Z16" s="446"/>
      <c r="AA16" s="446"/>
    </row>
    <row r="17" spans="1:27" ht="23" customHeight="1" x14ac:dyDescent="0.55000000000000004">
      <c r="A17" s="471"/>
      <c r="B17" s="168" t="s">
        <v>82</v>
      </c>
      <c r="C17" s="417">
        <f>【手順２】ネット型!X32</f>
        <v>0</v>
      </c>
      <c r="D17" s="418"/>
      <c r="E17" s="417">
        <f>【手順２】ネット型!Z32</f>
        <v>0</v>
      </c>
      <c r="F17" s="418"/>
      <c r="G17" s="417">
        <f>【手順２】ネット型!AB32</f>
        <v>0</v>
      </c>
      <c r="H17" s="418"/>
      <c r="I17" s="417">
        <f>【手順２】ネット型!AD32</f>
        <v>0</v>
      </c>
      <c r="J17" s="418"/>
      <c r="K17" s="417">
        <f>【手順２】ネット型!AF32</f>
        <v>0</v>
      </c>
      <c r="L17" s="418"/>
      <c r="M17" s="417">
        <f>【手順２】ネット型!AH32</f>
        <v>0</v>
      </c>
      <c r="N17" s="418"/>
      <c r="O17" s="417">
        <f>【手順２】ネット型!AJ32</f>
        <v>0</v>
      </c>
      <c r="P17" s="418"/>
      <c r="Q17" s="417">
        <f>【手順２】ネット型!AL32</f>
        <v>0</v>
      </c>
      <c r="R17" s="418"/>
      <c r="S17" s="417">
        <f>【手順２】ネット型!AN32</f>
        <v>0</v>
      </c>
      <c r="T17" s="418"/>
      <c r="U17" s="417">
        <f>【手順２】ネット型!AP32</f>
        <v>0</v>
      </c>
      <c r="V17" s="418"/>
      <c r="W17" s="416"/>
      <c r="X17" s="416"/>
      <c r="Y17" s="416"/>
      <c r="Z17" s="416"/>
      <c r="AA17" s="416"/>
    </row>
    <row r="18" spans="1:27" ht="23" customHeight="1" x14ac:dyDescent="0.55000000000000004">
      <c r="A18" s="471"/>
      <c r="B18" s="92" t="s">
        <v>83</v>
      </c>
      <c r="C18" s="239">
        <f>【手順２】ネット型!X33</f>
        <v>0</v>
      </c>
      <c r="D18" s="240">
        <f>【手順２】ネット型!Y33</f>
        <v>0</v>
      </c>
      <c r="E18" s="239">
        <f>【手順２】ネット型!Z33</f>
        <v>0</v>
      </c>
      <c r="F18" s="240">
        <f>【手順２】ネット型!AA33</f>
        <v>0</v>
      </c>
      <c r="G18" s="239">
        <f>【手順２】ネット型!AB33</f>
        <v>0</v>
      </c>
      <c r="H18" s="240">
        <f>【手順２】ネット型!AC33</f>
        <v>0</v>
      </c>
      <c r="I18" s="239">
        <f>【手順２】ネット型!AD33</f>
        <v>0</v>
      </c>
      <c r="J18" s="240">
        <f>【手順２】ネット型!AE33</f>
        <v>0</v>
      </c>
      <c r="K18" s="239">
        <f>【手順２】ネット型!AF33</f>
        <v>0</v>
      </c>
      <c r="L18" s="240">
        <f>【手順２】ネット型!AG33</f>
        <v>0</v>
      </c>
      <c r="M18" s="241">
        <f>【手順２】ネット型!AH33</f>
        <v>0</v>
      </c>
      <c r="N18" s="242">
        <f>【手順２】ネット型!AI33</f>
        <v>0</v>
      </c>
      <c r="O18" s="241">
        <f>【手順２】ネット型!AJ33</f>
        <v>0</v>
      </c>
      <c r="P18" s="242">
        <f>【手順２】ネット型!AK33</f>
        <v>0</v>
      </c>
      <c r="Q18" s="241">
        <f>【手順２】ネット型!AL33</f>
        <v>0</v>
      </c>
      <c r="R18" s="242">
        <f>【手順２】ネット型!AM33</f>
        <v>0</v>
      </c>
      <c r="S18" s="239">
        <f>【手順２】ネット型!AN33</f>
        <v>0</v>
      </c>
      <c r="T18" s="240">
        <f>【手順２】ネット型!AO33</f>
        <v>0</v>
      </c>
      <c r="U18" s="241">
        <f>【手順２】ネット型!AP33</f>
        <v>0</v>
      </c>
      <c r="V18" s="242">
        <f>【手順２】ネット型!AQ33</f>
        <v>0</v>
      </c>
      <c r="W18" s="416"/>
      <c r="X18" s="416"/>
      <c r="Y18" s="416"/>
      <c r="Z18" s="416"/>
      <c r="AA18" s="416"/>
    </row>
    <row r="19" spans="1:27" ht="23" customHeight="1" x14ac:dyDescent="0.55000000000000004">
      <c r="A19" s="471"/>
      <c r="B19" s="231" t="s">
        <v>84</v>
      </c>
      <c r="C19" s="419">
        <f>【手順２】ネット型!X34</f>
        <v>0</v>
      </c>
      <c r="D19" s="420"/>
      <c r="E19" s="419">
        <f>【手順２】ネット型!Z34</f>
        <v>0</v>
      </c>
      <c r="F19" s="420"/>
      <c r="G19" s="419">
        <f>【手順２】ネット型!AB34</f>
        <v>0</v>
      </c>
      <c r="H19" s="420"/>
      <c r="I19" s="419">
        <f>【手順２】ネット型!AD34</f>
        <v>0</v>
      </c>
      <c r="J19" s="420"/>
      <c r="K19" s="419">
        <f>【手順２】ネット型!AF34</f>
        <v>0</v>
      </c>
      <c r="L19" s="420"/>
      <c r="M19" s="419">
        <f>【手順２】ネット型!AH34</f>
        <v>0</v>
      </c>
      <c r="N19" s="420"/>
      <c r="O19" s="419">
        <f>【手順２】ネット型!AJ34</f>
        <v>0</v>
      </c>
      <c r="P19" s="420"/>
      <c r="Q19" s="419">
        <f>【手順２】ネット型!AL34</f>
        <v>0</v>
      </c>
      <c r="R19" s="420"/>
      <c r="S19" s="419">
        <f>【手順２】ネット型!AN34</f>
        <v>0</v>
      </c>
      <c r="T19" s="420"/>
      <c r="U19" s="419">
        <f>【手順２】ネット型!AP34</f>
        <v>0</v>
      </c>
      <c r="V19" s="420"/>
      <c r="W19" s="416"/>
      <c r="X19" s="416"/>
      <c r="Y19" s="416"/>
      <c r="Z19" s="416"/>
      <c r="AA19" s="416"/>
    </row>
    <row r="20" spans="1:27" ht="23" customHeight="1" x14ac:dyDescent="0.55000000000000004">
      <c r="A20" s="471"/>
      <c r="B20" s="231" t="s">
        <v>85</v>
      </c>
      <c r="C20" s="439">
        <f>【手順２】ネット型!X35</f>
        <v>0</v>
      </c>
      <c r="D20" s="439"/>
      <c r="E20" s="439">
        <f>【手順２】ネット型!Z35</f>
        <v>0</v>
      </c>
      <c r="F20" s="439"/>
      <c r="G20" s="439">
        <f>【手順２】ネット型!AB35</f>
        <v>0</v>
      </c>
      <c r="H20" s="439"/>
      <c r="I20" s="439">
        <f>【手順２】ネット型!AD35</f>
        <v>0</v>
      </c>
      <c r="J20" s="439"/>
      <c r="K20" s="439">
        <f>【手順２】ネット型!AF35</f>
        <v>0</v>
      </c>
      <c r="L20" s="439"/>
      <c r="M20" s="439">
        <f>【手順２】ネット型!AH35</f>
        <v>0</v>
      </c>
      <c r="N20" s="439"/>
      <c r="O20" s="439">
        <f>【手順２】ネット型!AJ35</f>
        <v>0</v>
      </c>
      <c r="P20" s="439"/>
      <c r="Q20" s="439">
        <f>【手順２】ネット型!AL35</f>
        <v>0</v>
      </c>
      <c r="R20" s="439"/>
      <c r="S20" s="439">
        <f>【手順２】ネット型!AN35</f>
        <v>0</v>
      </c>
      <c r="T20" s="439"/>
      <c r="U20" s="439">
        <f>【手順２】ネット型!AP35</f>
        <v>0</v>
      </c>
      <c r="V20" s="439"/>
      <c r="W20" s="483"/>
      <c r="X20" s="416"/>
      <c r="Y20" s="416"/>
      <c r="Z20" s="416"/>
      <c r="AA20" s="416"/>
    </row>
    <row r="21" spans="1:27" ht="23" customHeight="1" x14ac:dyDescent="0.55000000000000004">
      <c r="A21" s="472"/>
      <c r="B21" s="204"/>
      <c r="C21" s="419" t="s">
        <v>327</v>
      </c>
      <c r="D21" s="429"/>
      <c r="E21" s="429"/>
      <c r="F21" s="429"/>
      <c r="G21" s="429"/>
      <c r="H21" s="429"/>
      <c r="I21" s="429"/>
      <c r="J21" s="429"/>
      <c r="K21" s="429"/>
      <c r="L21" s="429"/>
      <c r="M21" s="429"/>
      <c r="N21" s="429"/>
      <c r="O21" s="429"/>
      <c r="P21" s="429"/>
      <c r="Q21" s="429"/>
      <c r="R21" s="429"/>
      <c r="S21" s="429"/>
      <c r="T21" s="429"/>
      <c r="U21" s="429"/>
      <c r="V21" s="420"/>
      <c r="W21" s="430"/>
      <c r="X21" s="431"/>
      <c r="Y21" s="431"/>
      <c r="Z21" s="431"/>
      <c r="AA21" s="432"/>
    </row>
    <row r="22" spans="1:27" ht="38" customHeight="1" x14ac:dyDescent="0.55000000000000004">
      <c r="A22" s="470" t="s">
        <v>89</v>
      </c>
      <c r="B22" s="481" t="s">
        <v>1</v>
      </c>
      <c r="C22" s="433"/>
      <c r="D22" s="434"/>
      <c r="E22" s="434"/>
      <c r="F22" s="434"/>
      <c r="G22" s="434"/>
      <c r="H22" s="434"/>
      <c r="I22" s="434"/>
      <c r="J22" s="434"/>
      <c r="K22" s="434"/>
      <c r="L22" s="434"/>
      <c r="M22" s="434"/>
      <c r="N22" s="434"/>
      <c r="O22" s="434"/>
      <c r="P22" s="434"/>
      <c r="Q22" s="434"/>
      <c r="R22" s="434"/>
      <c r="S22" s="434"/>
      <c r="T22" s="434"/>
      <c r="U22" s="434"/>
      <c r="V22" s="434"/>
      <c r="W22" s="434"/>
      <c r="X22" s="434"/>
      <c r="Y22" s="434"/>
      <c r="Z22" s="434"/>
      <c r="AA22" s="435"/>
    </row>
    <row r="23" spans="1:27" ht="38" customHeight="1" x14ac:dyDescent="0.55000000000000004">
      <c r="A23" s="471"/>
      <c r="B23" s="481"/>
      <c r="C23" s="436"/>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8"/>
    </row>
    <row r="24" spans="1:27" ht="38" customHeight="1" x14ac:dyDescent="0.55000000000000004">
      <c r="A24" s="471"/>
      <c r="B24" s="481"/>
      <c r="C24" s="440"/>
      <c r="D24" s="441"/>
      <c r="E24" s="441"/>
      <c r="F24" s="441"/>
      <c r="G24" s="441"/>
      <c r="H24" s="441"/>
      <c r="I24" s="441"/>
      <c r="J24" s="441"/>
      <c r="K24" s="441"/>
      <c r="L24" s="441"/>
      <c r="M24" s="441"/>
      <c r="N24" s="441"/>
      <c r="O24" s="441"/>
      <c r="P24" s="441"/>
      <c r="Q24" s="441"/>
      <c r="R24" s="441"/>
      <c r="S24" s="441"/>
      <c r="T24" s="441"/>
      <c r="U24" s="441"/>
      <c r="V24" s="441"/>
      <c r="W24" s="441"/>
      <c r="X24" s="441"/>
      <c r="Y24" s="441"/>
      <c r="Z24" s="441"/>
      <c r="AA24" s="442"/>
    </row>
    <row r="25" spans="1:27" ht="38" customHeight="1" x14ac:dyDescent="0.55000000000000004">
      <c r="A25" s="471"/>
      <c r="B25" s="482"/>
      <c r="C25" s="450"/>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2"/>
    </row>
    <row r="26" spans="1:27" ht="38" customHeight="1" x14ac:dyDescent="0.55000000000000004">
      <c r="A26" s="471"/>
      <c r="B26" s="480" t="s">
        <v>363</v>
      </c>
      <c r="C26" s="453"/>
      <c r="D26" s="454"/>
      <c r="E26" s="454"/>
      <c r="F26" s="454"/>
      <c r="G26" s="454"/>
      <c r="H26" s="454"/>
      <c r="I26" s="454"/>
      <c r="J26" s="454"/>
      <c r="K26" s="454"/>
      <c r="L26" s="454"/>
      <c r="M26" s="454"/>
      <c r="N26" s="454"/>
      <c r="O26" s="454"/>
      <c r="P26" s="454"/>
      <c r="Q26" s="454"/>
      <c r="R26" s="454"/>
      <c r="S26" s="454"/>
      <c r="T26" s="454"/>
      <c r="U26" s="454"/>
      <c r="V26" s="454"/>
      <c r="W26" s="454"/>
      <c r="X26" s="454"/>
      <c r="Y26" s="454"/>
      <c r="Z26" s="454"/>
      <c r="AA26" s="455"/>
    </row>
    <row r="27" spans="1:27" ht="38" customHeight="1" x14ac:dyDescent="0.55000000000000004">
      <c r="A27" s="471"/>
      <c r="B27" s="477"/>
      <c r="C27" s="436"/>
      <c r="D27" s="437"/>
      <c r="E27" s="437"/>
      <c r="F27" s="437"/>
      <c r="G27" s="437"/>
      <c r="H27" s="437"/>
      <c r="I27" s="437"/>
      <c r="J27" s="437"/>
      <c r="K27" s="437"/>
      <c r="L27" s="437"/>
      <c r="M27" s="437"/>
      <c r="N27" s="437"/>
      <c r="O27" s="437"/>
      <c r="P27" s="437"/>
      <c r="Q27" s="437"/>
      <c r="R27" s="437"/>
      <c r="S27" s="437"/>
      <c r="T27" s="437"/>
      <c r="U27" s="437"/>
      <c r="V27" s="437"/>
      <c r="W27" s="437"/>
      <c r="X27" s="437"/>
      <c r="Y27" s="437"/>
      <c r="Z27" s="437"/>
      <c r="AA27" s="438"/>
    </row>
    <row r="28" spans="1:27" ht="38" customHeight="1" x14ac:dyDescent="0.55000000000000004">
      <c r="A28" s="471"/>
      <c r="B28" s="477"/>
      <c r="C28" s="436"/>
      <c r="D28" s="437"/>
      <c r="E28" s="437"/>
      <c r="F28" s="437"/>
      <c r="G28" s="437"/>
      <c r="H28" s="437"/>
      <c r="I28" s="437"/>
      <c r="J28" s="437"/>
      <c r="K28" s="437"/>
      <c r="L28" s="437"/>
      <c r="M28" s="437"/>
      <c r="N28" s="437"/>
      <c r="O28" s="437"/>
      <c r="P28" s="437"/>
      <c r="Q28" s="437"/>
      <c r="R28" s="437"/>
      <c r="S28" s="437"/>
      <c r="T28" s="437"/>
      <c r="U28" s="437"/>
      <c r="V28" s="437"/>
      <c r="W28" s="437"/>
      <c r="X28" s="437"/>
      <c r="Y28" s="437"/>
      <c r="Z28" s="437"/>
      <c r="AA28" s="438"/>
    </row>
    <row r="29" spans="1:27" ht="38" customHeight="1" x14ac:dyDescent="0.55000000000000004">
      <c r="A29" s="471"/>
      <c r="B29" s="477"/>
      <c r="C29" s="440"/>
      <c r="D29" s="441"/>
      <c r="E29" s="441"/>
      <c r="F29" s="441"/>
      <c r="G29" s="441"/>
      <c r="H29" s="441"/>
      <c r="I29" s="441"/>
      <c r="J29" s="441"/>
      <c r="K29" s="441"/>
      <c r="L29" s="441"/>
      <c r="M29" s="441"/>
      <c r="N29" s="441"/>
      <c r="O29" s="441"/>
      <c r="P29" s="441"/>
      <c r="Q29" s="441"/>
      <c r="R29" s="441"/>
      <c r="S29" s="441"/>
      <c r="T29" s="441"/>
      <c r="U29" s="441"/>
      <c r="V29" s="441"/>
      <c r="W29" s="441"/>
      <c r="X29" s="441"/>
      <c r="Y29" s="441"/>
      <c r="Z29" s="441"/>
      <c r="AA29" s="442"/>
    </row>
    <row r="30" spans="1:27" ht="38" customHeight="1" x14ac:dyDescent="0.55000000000000004">
      <c r="A30" s="471"/>
      <c r="B30" s="477"/>
      <c r="C30" s="440"/>
      <c r="D30" s="441"/>
      <c r="E30" s="441"/>
      <c r="F30" s="441"/>
      <c r="G30" s="441"/>
      <c r="H30" s="441"/>
      <c r="I30" s="441"/>
      <c r="J30" s="441"/>
      <c r="K30" s="441"/>
      <c r="L30" s="441"/>
      <c r="M30" s="441"/>
      <c r="N30" s="441"/>
      <c r="O30" s="441"/>
      <c r="P30" s="441"/>
      <c r="Q30" s="441"/>
      <c r="R30" s="441"/>
      <c r="S30" s="441"/>
      <c r="T30" s="441"/>
      <c r="U30" s="441"/>
      <c r="V30" s="441"/>
      <c r="W30" s="441"/>
      <c r="X30" s="441"/>
      <c r="Y30" s="441"/>
      <c r="Z30" s="441"/>
      <c r="AA30" s="442"/>
    </row>
    <row r="31" spans="1:27" ht="38" customHeight="1" x14ac:dyDescent="0.55000000000000004">
      <c r="A31" s="471"/>
      <c r="B31" s="478"/>
      <c r="C31" s="450"/>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2"/>
    </row>
    <row r="32" spans="1:27" ht="38" customHeight="1" x14ac:dyDescent="0.55000000000000004">
      <c r="A32" s="471"/>
      <c r="B32" s="477" t="s">
        <v>96</v>
      </c>
      <c r="C32" s="433"/>
      <c r="D32" s="434"/>
      <c r="E32" s="434"/>
      <c r="F32" s="434"/>
      <c r="G32" s="434"/>
      <c r="H32" s="434"/>
      <c r="I32" s="434"/>
      <c r="J32" s="434"/>
      <c r="K32" s="434"/>
      <c r="L32" s="434"/>
      <c r="M32" s="434"/>
      <c r="N32" s="434"/>
      <c r="O32" s="434"/>
      <c r="P32" s="434"/>
      <c r="Q32" s="434"/>
      <c r="R32" s="434"/>
      <c r="S32" s="434"/>
      <c r="T32" s="434"/>
      <c r="U32" s="434"/>
      <c r="V32" s="434"/>
      <c r="W32" s="434"/>
      <c r="X32" s="434"/>
      <c r="Y32" s="434"/>
      <c r="Z32" s="434"/>
      <c r="AA32" s="435"/>
    </row>
    <row r="33" spans="1:27" ht="37.5" customHeight="1" x14ac:dyDescent="0.55000000000000004">
      <c r="A33" s="471"/>
      <c r="B33" s="479"/>
      <c r="C33" s="436"/>
      <c r="D33" s="437"/>
      <c r="E33" s="437"/>
      <c r="F33" s="437"/>
      <c r="G33" s="437"/>
      <c r="H33" s="437"/>
      <c r="I33" s="437"/>
      <c r="J33" s="437"/>
      <c r="K33" s="437"/>
      <c r="L33" s="437"/>
      <c r="M33" s="437"/>
      <c r="N33" s="437"/>
      <c r="O33" s="437"/>
      <c r="P33" s="437"/>
      <c r="Q33" s="437"/>
      <c r="R33" s="437"/>
      <c r="S33" s="437"/>
      <c r="T33" s="437"/>
      <c r="U33" s="437"/>
      <c r="V33" s="437"/>
      <c r="W33" s="437"/>
      <c r="X33" s="437"/>
      <c r="Y33" s="437"/>
      <c r="Z33" s="437"/>
      <c r="AA33" s="438"/>
    </row>
    <row r="34" spans="1:27" ht="37.5" customHeight="1" x14ac:dyDescent="0.55000000000000004">
      <c r="A34" s="471"/>
      <c r="B34" s="479"/>
      <c r="C34" s="440"/>
      <c r="D34" s="441"/>
      <c r="E34" s="441"/>
      <c r="F34" s="441"/>
      <c r="G34" s="441"/>
      <c r="H34" s="441"/>
      <c r="I34" s="441"/>
      <c r="J34" s="441"/>
      <c r="K34" s="441"/>
      <c r="L34" s="441"/>
      <c r="M34" s="441"/>
      <c r="N34" s="441"/>
      <c r="O34" s="441"/>
      <c r="P34" s="441"/>
      <c r="Q34" s="441"/>
      <c r="R34" s="441"/>
      <c r="S34" s="441"/>
      <c r="T34" s="441"/>
      <c r="U34" s="441"/>
      <c r="V34" s="441"/>
      <c r="W34" s="441"/>
      <c r="X34" s="441"/>
      <c r="Y34" s="441"/>
      <c r="Z34" s="441"/>
      <c r="AA34" s="442"/>
    </row>
    <row r="35" spans="1:27" ht="37.5" customHeight="1" x14ac:dyDescent="0.55000000000000004">
      <c r="A35" s="471"/>
      <c r="B35" s="479"/>
      <c r="C35" s="443"/>
      <c r="D35" s="444"/>
      <c r="E35" s="444"/>
      <c r="F35" s="444"/>
      <c r="G35" s="444"/>
      <c r="H35" s="444"/>
      <c r="I35" s="444"/>
      <c r="J35" s="444"/>
      <c r="K35" s="444"/>
      <c r="L35" s="444"/>
      <c r="M35" s="444"/>
      <c r="N35" s="444"/>
      <c r="O35" s="444"/>
      <c r="P35" s="444"/>
      <c r="Q35" s="444"/>
      <c r="R35" s="444"/>
      <c r="S35" s="444"/>
      <c r="T35" s="444"/>
      <c r="U35" s="444"/>
      <c r="V35" s="444"/>
      <c r="W35" s="444"/>
      <c r="X35" s="444"/>
      <c r="Y35" s="444"/>
      <c r="Z35" s="444"/>
      <c r="AA35" s="445"/>
    </row>
    <row r="36" spans="1:27" ht="37.5" customHeight="1" x14ac:dyDescent="0.55000000000000004">
      <c r="A36" s="471"/>
      <c r="B36" s="476" t="s">
        <v>5</v>
      </c>
      <c r="C36" s="447"/>
      <c r="D36" s="448"/>
      <c r="E36" s="448"/>
      <c r="F36" s="448"/>
      <c r="G36" s="448"/>
      <c r="H36" s="448"/>
      <c r="I36" s="448"/>
      <c r="J36" s="448"/>
      <c r="K36" s="448"/>
      <c r="L36" s="448"/>
      <c r="M36" s="448"/>
      <c r="N36" s="448"/>
      <c r="O36" s="448"/>
      <c r="P36" s="448"/>
      <c r="Q36" s="448"/>
      <c r="R36" s="448"/>
      <c r="S36" s="448"/>
      <c r="T36" s="448"/>
      <c r="U36" s="448"/>
      <c r="V36" s="448"/>
      <c r="W36" s="448"/>
      <c r="X36" s="448"/>
      <c r="Y36" s="448"/>
      <c r="Z36" s="448"/>
      <c r="AA36" s="449"/>
    </row>
    <row r="37" spans="1:27" ht="37.5" customHeight="1" x14ac:dyDescent="0.55000000000000004">
      <c r="A37" s="471"/>
      <c r="B37" s="477"/>
      <c r="C37" s="456"/>
      <c r="D37" s="457"/>
      <c r="E37" s="457"/>
      <c r="F37" s="457"/>
      <c r="G37" s="457"/>
      <c r="H37" s="457"/>
      <c r="I37" s="457"/>
      <c r="J37" s="457"/>
      <c r="K37" s="457"/>
      <c r="L37" s="457"/>
      <c r="M37" s="457"/>
      <c r="N37" s="457"/>
      <c r="O37" s="457"/>
      <c r="P37" s="457"/>
      <c r="Q37" s="457"/>
      <c r="R37" s="457"/>
      <c r="S37" s="457"/>
      <c r="T37" s="457"/>
      <c r="U37" s="457"/>
      <c r="V37" s="457"/>
      <c r="W37" s="457"/>
      <c r="X37" s="457"/>
      <c r="Y37" s="457"/>
      <c r="Z37" s="457"/>
      <c r="AA37" s="458"/>
    </row>
    <row r="38" spans="1:27" ht="37.5" customHeight="1" x14ac:dyDescent="0.55000000000000004">
      <c r="A38" s="471"/>
      <c r="B38" s="477"/>
      <c r="C38" s="423"/>
      <c r="D38" s="424"/>
      <c r="E38" s="424"/>
      <c r="F38" s="424"/>
      <c r="G38" s="424"/>
      <c r="H38" s="424"/>
      <c r="I38" s="424"/>
      <c r="J38" s="424"/>
      <c r="K38" s="424"/>
      <c r="L38" s="424"/>
      <c r="M38" s="424"/>
      <c r="N38" s="424"/>
      <c r="O38" s="424"/>
      <c r="P38" s="424"/>
      <c r="Q38" s="424"/>
      <c r="R38" s="424"/>
      <c r="S38" s="424"/>
      <c r="T38" s="424"/>
      <c r="U38" s="424"/>
      <c r="V38" s="424"/>
      <c r="W38" s="424"/>
      <c r="X38" s="424"/>
      <c r="Y38" s="424"/>
      <c r="Z38" s="424"/>
      <c r="AA38" s="425"/>
    </row>
    <row r="39" spans="1:27" ht="37.5" customHeight="1" x14ac:dyDescent="0.55000000000000004">
      <c r="A39" s="472"/>
      <c r="B39" s="478"/>
      <c r="C39" s="426"/>
      <c r="D39" s="427"/>
      <c r="E39" s="427"/>
      <c r="F39" s="427"/>
      <c r="G39" s="427"/>
      <c r="H39" s="427"/>
      <c r="I39" s="427"/>
      <c r="J39" s="427"/>
      <c r="K39" s="427"/>
      <c r="L39" s="427"/>
      <c r="M39" s="427"/>
      <c r="N39" s="427"/>
      <c r="O39" s="427"/>
      <c r="P39" s="427"/>
      <c r="Q39" s="427"/>
      <c r="R39" s="427"/>
      <c r="S39" s="427"/>
      <c r="T39" s="427"/>
      <c r="U39" s="427"/>
      <c r="V39" s="427"/>
      <c r="W39" s="427"/>
      <c r="X39" s="427"/>
      <c r="Y39" s="427"/>
      <c r="Z39" s="427"/>
      <c r="AA39" s="428"/>
    </row>
    <row r="40" spans="1:27" ht="37.5" customHeight="1" x14ac:dyDescent="0.55000000000000004"/>
    <row r="44" spans="1:27" ht="29" customHeight="1" x14ac:dyDescent="0.55000000000000004"/>
    <row r="53" spans="2:2" ht="28.5" customHeight="1" x14ac:dyDescent="0.55000000000000004"/>
    <row r="63" spans="2:2" ht="28.5" customHeight="1"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row r="71" spans="2:2" x14ac:dyDescent="0.55000000000000004">
      <c r="B71" s="63"/>
    </row>
  </sheetData>
  <mergeCells count="94">
    <mergeCell ref="C37:AA37"/>
    <mergeCell ref="C38:AA38"/>
    <mergeCell ref="C39:AA39"/>
    <mergeCell ref="A22:A39"/>
    <mergeCell ref="B22:B25"/>
    <mergeCell ref="B26:B31"/>
    <mergeCell ref="B32:B35"/>
    <mergeCell ref="B36:B39"/>
    <mergeCell ref="C22:AA22"/>
    <mergeCell ref="C23:AA23"/>
    <mergeCell ref="C24:AA24"/>
    <mergeCell ref="C25:AA25"/>
    <mergeCell ref="C26:AA26"/>
    <mergeCell ref="C27:AA27"/>
    <mergeCell ref="C28:AA28"/>
    <mergeCell ref="C29:AA29"/>
    <mergeCell ref="A16:A21"/>
    <mergeCell ref="A6:A15"/>
    <mergeCell ref="A3:A5"/>
    <mergeCell ref="B7:B15"/>
    <mergeCell ref="M17:N17"/>
    <mergeCell ref="M20:N20"/>
    <mergeCell ref="C6:D6"/>
    <mergeCell ref="E6:F6"/>
    <mergeCell ref="G6:H6"/>
    <mergeCell ref="I6:J6"/>
    <mergeCell ref="K6:L6"/>
    <mergeCell ref="M6:N6"/>
    <mergeCell ref="G19:H19"/>
    <mergeCell ref="I19:J19"/>
    <mergeCell ref="K19:L19"/>
    <mergeCell ref="B5:F5"/>
    <mergeCell ref="A1:AA1"/>
    <mergeCell ref="A2:AA2"/>
    <mergeCell ref="B3:F3"/>
    <mergeCell ref="G3:AA3"/>
    <mergeCell ref="B4:F4"/>
    <mergeCell ref="G4:AA4"/>
    <mergeCell ref="W6:AA6"/>
    <mergeCell ref="C16:D16"/>
    <mergeCell ref="E16:F16"/>
    <mergeCell ref="G16:H16"/>
    <mergeCell ref="I16:J16"/>
    <mergeCell ref="K16:L16"/>
    <mergeCell ref="W7:AA15"/>
    <mergeCell ref="M16:N16"/>
    <mergeCell ref="O16:P16"/>
    <mergeCell ref="Q16:R16"/>
    <mergeCell ref="S16:T16"/>
    <mergeCell ref="U16:V16"/>
    <mergeCell ref="W16:AA16"/>
    <mergeCell ref="O6:P6"/>
    <mergeCell ref="Q6:R6"/>
    <mergeCell ref="S6:T6"/>
    <mergeCell ref="U6:V6"/>
    <mergeCell ref="O17:P17"/>
    <mergeCell ref="Q17:R17"/>
    <mergeCell ref="S17:T17"/>
    <mergeCell ref="U17:V17"/>
    <mergeCell ref="W20:AA20"/>
    <mergeCell ref="C21:V21"/>
    <mergeCell ref="W21:AA21"/>
    <mergeCell ref="C20:D20"/>
    <mergeCell ref="E20:F20"/>
    <mergeCell ref="G20:H20"/>
    <mergeCell ref="I20:J20"/>
    <mergeCell ref="K20:L20"/>
    <mergeCell ref="O20:P20"/>
    <mergeCell ref="Q20:R20"/>
    <mergeCell ref="S20:T20"/>
    <mergeCell ref="U20:V20"/>
    <mergeCell ref="C35:AA35"/>
    <mergeCell ref="C36:AA36"/>
    <mergeCell ref="C30:AA30"/>
    <mergeCell ref="C31:AA31"/>
    <mergeCell ref="C32:AA32"/>
    <mergeCell ref="C33:AA33"/>
    <mergeCell ref="C34:AA34"/>
    <mergeCell ref="G5:AA5"/>
    <mergeCell ref="W18:AA18"/>
    <mergeCell ref="C19:D19"/>
    <mergeCell ref="E19:F19"/>
    <mergeCell ref="M19:N19"/>
    <mergeCell ref="O19:P19"/>
    <mergeCell ref="C17:D17"/>
    <mergeCell ref="Q19:R19"/>
    <mergeCell ref="S19:T19"/>
    <mergeCell ref="U19:V19"/>
    <mergeCell ref="W19:AA19"/>
    <mergeCell ref="E17:F17"/>
    <mergeCell ref="G17:H17"/>
    <mergeCell ref="I17:J17"/>
    <mergeCell ref="K17:L17"/>
    <mergeCell ref="W17:AA17"/>
  </mergeCells>
  <phoneticPr fontId="1"/>
  <printOptions horizontalCentered="1" verticalCentered="1"/>
  <pageMargins left="0.70866141732283472" right="0.70866141732283472" top="0.74803149606299213" bottom="0.74803149606299213" header="0.31496062992125984" footer="0.31496062992125984"/>
  <pageSetup paperSize="9" scale="51" orientation="portrait" r:id="rId1"/>
  <colBreaks count="1" manualBreakCount="1">
    <brk id="27" max="1048575" man="1"/>
  </colBreaks>
  <drawing r:id="rId2"/>
  <extLst>
    <ext xmlns:x14="http://schemas.microsoft.com/office/spreadsheetml/2009/9/main" uri="{CCE6A557-97BC-4b89-ADB6-D9C93CAAB3DF}">
      <x14:dataValidations xmlns:xm="http://schemas.microsoft.com/office/excel/2006/main" count="4">
        <x14:dataValidation type="list" allowBlank="1" showInputMessage="1" showErrorMessage="1">
          <x14:formula1>
            <xm:f>リスト!$G$1:$G$6</xm:f>
          </x14:formula1>
          <xm:sqref>C36:AA39</xm:sqref>
        </x14:dataValidation>
        <x14:dataValidation type="list" allowBlank="1" showInputMessage="1" showErrorMessage="1">
          <x14:formula1>
            <xm:f>リスト!$F$1:$F$9</xm:f>
          </x14:formula1>
          <xm:sqref>C32:AA35</xm:sqref>
        </x14:dataValidation>
        <x14:dataValidation type="list" allowBlank="1" showInputMessage="1" showErrorMessage="1">
          <x14:formula1>
            <xm:f>リスト!$B$1:$B$4</xm:f>
          </x14:formula1>
          <xm:sqref>C22:AA25</xm:sqref>
        </x14:dataValidation>
        <x14:dataValidation type="list" allowBlank="1" showInputMessage="1" showErrorMessage="1">
          <x14:formula1>
            <xm:f>リスト!$D$1:$D$8</xm:f>
          </x14:formula1>
          <xm:sqref>C26:AA31</xm:sqref>
        </x14:dataValidation>
      </x14:dataValidations>
    </ext>
  </extLst>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E91FDB"/>
  </sheetPr>
  <dimension ref="A1:AA71"/>
  <sheetViews>
    <sheetView zoomScale="70" zoomScaleNormal="70" workbookViewId="0">
      <selection activeCell="A2" sqref="A2:AA2"/>
    </sheetView>
  </sheetViews>
  <sheetFormatPr defaultRowHeight="18" x14ac:dyDescent="0.55000000000000004"/>
  <cols>
    <col min="2" max="2" width="8.25" customWidth="1"/>
    <col min="3" max="22" width="4.4140625" customWidth="1"/>
    <col min="23" max="27" width="8.25" customWidth="1"/>
  </cols>
  <sheetData>
    <row r="1" spans="1:27" ht="42" customHeight="1" x14ac:dyDescent="0.55000000000000004">
      <c r="A1" s="459" t="s">
        <v>101</v>
      </c>
      <c r="B1" s="459"/>
      <c r="C1" s="459"/>
      <c r="D1" s="459"/>
      <c r="E1" s="459"/>
      <c r="F1" s="459"/>
      <c r="G1" s="459"/>
      <c r="H1" s="459"/>
      <c r="I1" s="459"/>
      <c r="J1" s="459"/>
      <c r="K1" s="459"/>
      <c r="L1" s="459"/>
      <c r="M1" s="459"/>
      <c r="N1" s="459"/>
      <c r="O1" s="459"/>
      <c r="P1" s="459"/>
      <c r="Q1" s="459"/>
      <c r="R1" s="459"/>
      <c r="S1" s="459"/>
      <c r="T1" s="459"/>
      <c r="U1" s="459"/>
      <c r="V1" s="459"/>
      <c r="W1" s="459"/>
      <c r="X1" s="459"/>
      <c r="Y1" s="459"/>
      <c r="Z1" s="459"/>
      <c r="AA1" s="459"/>
    </row>
    <row r="2" spans="1:27" ht="143.5" customHeight="1" x14ac:dyDescent="0.55000000000000004">
      <c r="A2" s="460" t="s">
        <v>365</v>
      </c>
      <c r="B2" s="461"/>
      <c r="C2" s="461"/>
      <c r="D2" s="461"/>
      <c r="E2" s="461"/>
      <c r="F2" s="461"/>
      <c r="G2" s="461"/>
      <c r="H2" s="461"/>
      <c r="I2" s="461"/>
      <c r="J2" s="461"/>
      <c r="K2" s="461"/>
      <c r="L2" s="461"/>
      <c r="M2" s="461"/>
      <c r="N2" s="461"/>
      <c r="O2" s="461"/>
      <c r="P2" s="461"/>
      <c r="Q2" s="461"/>
      <c r="R2" s="461"/>
      <c r="S2" s="461"/>
      <c r="T2" s="461"/>
      <c r="U2" s="461"/>
      <c r="V2" s="461"/>
      <c r="W2" s="461"/>
      <c r="X2" s="461"/>
      <c r="Y2" s="461"/>
      <c r="Z2" s="461"/>
      <c r="AA2" s="462"/>
    </row>
    <row r="3" spans="1:27" ht="71.5" customHeight="1" x14ac:dyDescent="0.55000000000000004">
      <c r="A3" s="473" t="s">
        <v>76</v>
      </c>
      <c r="B3" s="463" t="s">
        <v>102</v>
      </c>
      <c r="C3" s="464"/>
      <c r="D3" s="464"/>
      <c r="E3" s="464"/>
      <c r="F3" s="465"/>
      <c r="G3" s="413" t="s">
        <v>369</v>
      </c>
      <c r="H3" s="414"/>
      <c r="I3" s="414"/>
      <c r="J3" s="414"/>
      <c r="K3" s="414"/>
      <c r="L3" s="414"/>
      <c r="M3" s="414"/>
      <c r="N3" s="414"/>
      <c r="O3" s="414"/>
      <c r="P3" s="414"/>
      <c r="Q3" s="414"/>
      <c r="R3" s="414"/>
      <c r="S3" s="414"/>
      <c r="T3" s="414"/>
      <c r="U3" s="414"/>
      <c r="V3" s="414"/>
      <c r="W3" s="414"/>
      <c r="X3" s="414"/>
      <c r="Y3" s="414"/>
      <c r="Z3" s="414"/>
      <c r="AA3" s="415"/>
    </row>
    <row r="4" spans="1:27" ht="44" customHeight="1" x14ac:dyDescent="0.55000000000000004">
      <c r="A4" s="474"/>
      <c r="B4" s="463" t="s">
        <v>77</v>
      </c>
      <c r="C4" s="464"/>
      <c r="D4" s="464"/>
      <c r="E4" s="464"/>
      <c r="F4" s="465"/>
      <c r="G4" s="413" t="s">
        <v>371</v>
      </c>
      <c r="H4" s="414"/>
      <c r="I4" s="414"/>
      <c r="J4" s="414"/>
      <c r="K4" s="414"/>
      <c r="L4" s="414"/>
      <c r="M4" s="414"/>
      <c r="N4" s="414"/>
      <c r="O4" s="414"/>
      <c r="P4" s="414"/>
      <c r="Q4" s="414"/>
      <c r="R4" s="414"/>
      <c r="S4" s="414"/>
      <c r="T4" s="414"/>
      <c r="U4" s="414"/>
      <c r="V4" s="414"/>
      <c r="W4" s="414"/>
      <c r="X4" s="414"/>
      <c r="Y4" s="414"/>
      <c r="Z4" s="414"/>
      <c r="AA4" s="415"/>
    </row>
    <row r="5" spans="1:27" ht="66.5" customHeight="1" x14ac:dyDescent="0.55000000000000004">
      <c r="A5" s="475"/>
      <c r="B5" s="463" t="s">
        <v>78</v>
      </c>
      <c r="C5" s="464"/>
      <c r="D5" s="464"/>
      <c r="E5" s="464"/>
      <c r="F5" s="465"/>
      <c r="G5" s="413" t="s">
        <v>372</v>
      </c>
      <c r="H5" s="414"/>
      <c r="I5" s="414"/>
      <c r="J5" s="414"/>
      <c r="K5" s="414"/>
      <c r="L5" s="414"/>
      <c r="M5" s="414"/>
      <c r="N5" s="414"/>
      <c r="O5" s="414"/>
      <c r="P5" s="414"/>
      <c r="Q5" s="414"/>
      <c r="R5" s="414"/>
      <c r="S5" s="414"/>
      <c r="T5" s="414"/>
      <c r="U5" s="414"/>
      <c r="V5" s="414"/>
      <c r="W5" s="414"/>
      <c r="X5" s="414"/>
      <c r="Y5" s="414"/>
      <c r="Z5" s="414"/>
      <c r="AA5" s="415"/>
    </row>
    <row r="6" spans="1:27" ht="23" customHeight="1" x14ac:dyDescent="0.55000000000000004">
      <c r="A6" s="470" t="s">
        <v>361</v>
      </c>
      <c r="B6" s="231" t="s">
        <v>80</v>
      </c>
      <c r="C6" s="421">
        <v>1</v>
      </c>
      <c r="D6" s="422"/>
      <c r="E6" s="421">
        <v>2</v>
      </c>
      <c r="F6" s="422"/>
      <c r="G6" s="421">
        <v>3</v>
      </c>
      <c r="H6" s="422"/>
      <c r="I6" s="421">
        <v>4</v>
      </c>
      <c r="J6" s="422"/>
      <c r="K6" s="421">
        <v>5</v>
      </c>
      <c r="L6" s="422"/>
      <c r="M6" s="421">
        <v>6</v>
      </c>
      <c r="N6" s="422"/>
      <c r="O6" s="421">
        <v>7</v>
      </c>
      <c r="P6" s="422"/>
      <c r="Q6" s="421">
        <v>8</v>
      </c>
      <c r="R6" s="422"/>
      <c r="S6" s="421">
        <v>9</v>
      </c>
      <c r="T6" s="422"/>
      <c r="U6" s="421">
        <v>10</v>
      </c>
      <c r="V6" s="422"/>
      <c r="W6" s="446" t="s">
        <v>99</v>
      </c>
      <c r="X6" s="446"/>
      <c r="Y6" s="446"/>
      <c r="Z6" s="446"/>
      <c r="AA6" s="446"/>
    </row>
    <row r="7" spans="1:27" ht="23" customHeight="1" x14ac:dyDescent="0.55000000000000004">
      <c r="A7" s="471"/>
      <c r="B7" s="466" t="s">
        <v>88</v>
      </c>
      <c r="C7" s="232"/>
      <c r="D7" s="233"/>
      <c r="E7" s="233"/>
      <c r="F7" s="233"/>
      <c r="G7" s="233"/>
      <c r="H7" s="233"/>
      <c r="I7" s="233"/>
      <c r="J7" s="233"/>
      <c r="K7" s="233"/>
      <c r="L7" s="233"/>
      <c r="M7" s="233"/>
      <c r="N7" s="233"/>
      <c r="O7" s="233"/>
      <c r="P7" s="233"/>
      <c r="Q7" s="233"/>
      <c r="R7" s="233"/>
      <c r="S7" s="233"/>
      <c r="T7" s="233"/>
      <c r="U7" s="233"/>
      <c r="V7" s="234"/>
      <c r="W7" s="468" t="s">
        <v>362</v>
      </c>
      <c r="X7" s="469"/>
      <c r="Y7" s="469"/>
      <c r="Z7" s="469"/>
      <c r="AA7" s="469"/>
    </row>
    <row r="8" spans="1:27" ht="23" customHeight="1" x14ac:dyDescent="0.55000000000000004">
      <c r="A8" s="471"/>
      <c r="B8" s="467"/>
      <c r="C8" s="235"/>
      <c r="D8" s="236"/>
      <c r="E8" s="236"/>
      <c r="F8" s="236"/>
      <c r="G8" s="236"/>
      <c r="H8" s="236"/>
      <c r="I8" s="236"/>
      <c r="J8" s="236"/>
      <c r="K8" s="236"/>
      <c r="L8" s="236"/>
      <c r="M8" s="236"/>
      <c r="N8" s="236"/>
      <c r="O8" s="236"/>
      <c r="P8" s="236"/>
      <c r="Q8" s="236"/>
      <c r="R8" s="236"/>
      <c r="S8" s="236"/>
      <c r="T8" s="236"/>
      <c r="U8" s="236"/>
      <c r="V8" s="237"/>
      <c r="W8" s="469"/>
      <c r="X8" s="469"/>
      <c r="Y8" s="469"/>
      <c r="Z8" s="469"/>
      <c r="AA8" s="469"/>
    </row>
    <row r="9" spans="1:27" ht="23" customHeight="1" x14ac:dyDescent="0.55000000000000004">
      <c r="A9" s="471"/>
      <c r="B9" s="467"/>
      <c r="C9" s="235"/>
      <c r="D9" s="236"/>
      <c r="E9" s="236"/>
      <c r="F9" s="236"/>
      <c r="G9" s="236"/>
      <c r="H9" s="236"/>
      <c r="I9" s="236"/>
      <c r="J9" s="236"/>
      <c r="K9" s="236"/>
      <c r="L9" s="236"/>
      <c r="M9" s="236"/>
      <c r="N9" s="236"/>
      <c r="O9" s="236"/>
      <c r="P9" s="236"/>
      <c r="Q9" s="236"/>
      <c r="R9" s="236"/>
      <c r="S9" s="236"/>
      <c r="T9" s="236"/>
      <c r="U9" s="236"/>
      <c r="V9" s="237"/>
      <c r="W9" s="469"/>
      <c r="X9" s="469"/>
      <c r="Y9" s="469"/>
      <c r="Z9" s="469"/>
      <c r="AA9" s="469"/>
    </row>
    <row r="10" spans="1:27" ht="23" customHeight="1" x14ac:dyDescent="0.55000000000000004">
      <c r="A10" s="471"/>
      <c r="B10" s="467"/>
      <c r="C10" s="235"/>
      <c r="D10" s="236"/>
      <c r="E10" s="236"/>
      <c r="F10" s="236"/>
      <c r="G10" s="236"/>
      <c r="H10" s="236"/>
      <c r="I10" s="236"/>
      <c r="J10" s="236"/>
      <c r="K10" s="236"/>
      <c r="L10" s="236"/>
      <c r="M10" s="236"/>
      <c r="N10" s="236"/>
      <c r="O10" s="236"/>
      <c r="P10" s="236"/>
      <c r="Q10" s="236"/>
      <c r="R10" s="236"/>
      <c r="S10" s="236"/>
      <c r="T10" s="236"/>
      <c r="U10" s="236"/>
      <c r="V10" s="237"/>
      <c r="W10" s="469"/>
      <c r="X10" s="469"/>
      <c r="Y10" s="469"/>
      <c r="Z10" s="469"/>
      <c r="AA10" s="469"/>
    </row>
    <row r="11" spans="1:27" ht="23" customHeight="1" x14ac:dyDescent="0.55000000000000004">
      <c r="A11" s="471"/>
      <c r="B11" s="467"/>
      <c r="C11" s="235"/>
      <c r="D11" s="236"/>
      <c r="E11" s="236"/>
      <c r="F11" s="236"/>
      <c r="G11" s="236"/>
      <c r="H11" s="236"/>
      <c r="I11" s="236"/>
      <c r="J11" s="236"/>
      <c r="K11" s="236"/>
      <c r="L11" s="236"/>
      <c r="M11" s="236"/>
      <c r="N11" s="236"/>
      <c r="O11" s="236"/>
      <c r="P11" s="236"/>
      <c r="Q11" s="236"/>
      <c r="R11" s="236"/>
      <c r="S11" s="236"/>
      <c r="T11" s="236"/>
      <c r="U11" s="236"/>
      <c r="V11" s="237"/>
      <c r="W11" s="469"/>
      <c r="X11" s="469"/>
      <c r="Y11" s="469"/>
      <c r="Z11" s="469"/>
      <c r="AA11" s="469"/>
    </row>
    <row r="12" spans="1:27" ht="23" customHeight="1" x14ac:dyDescent="0.55000000000000004">
      <c r="A12" s="471"/>
      <c r="B12" s="467"/>
      <c r="C12" s="235"/>
      <c r="D12" s="236"/>
      <c r="E12" s="236"/>
      <c r="F12" s="236"/>
      <c r="G12" s="236"/>
      <c r="H12" s="236"/>
      <c r="I12" s="236"/>
      <c r="J12" s="236"/>
      <c r="K12" s="236"/>
      <c r="L12" s="236"/>
      <c r="M12" s="236"/>
      <c r="N12" s="236"/>
      <c r="O12" s="236"/>
      <c r="P12" s="236"/>
      <c r="Q12" s="236"/>
      <c r="R12" s="236"/>
      <c r="S12" s="236"/>
      <c r="T12" s="236"/>
      <c r="U12" s="236"/>
      <c r="V12" s="237"/>
      <c r="W12" s="469"/>
      <c r="X12" s="469"/>
      <c r="Y12" s="469"/>
      <c r="Z12" s="469"/>
      <c r="AA12" s="469"/>
    </row>
    <row r="13" spans="1:27" ht="23" customHeight="1" x14ac:dyDescent="0.55000000000000004">
      <c r="A13" s="471"/>
      <c r="B13" s="467"/>
      <c r="C13" s="235"/>
      <c r="D13" s="236"/>
      <c r="E13" s="236"/>
      <c r="F13" s="236"/>
      <c r="G13" s="236"/>
      <c r="H13" s="236"/>
      <c r="I13" s="236"/>
      <c r="J13" s="236"/>
      <c r="K13" s="236"/>
      <c r="L13" s="236"/>
      <c r="M13" s="236"/>
      <c r="N13" s="236"/>
      <c r="O13" s="236"/>
      <c r="P13" s="236"/>
      <c r="Q13" s="236"/>
      <c r="R13" s="236"/>
      <c r="S13" s="236"/>
      <c r="T13" s="236"/>
      <c r="U13" s="236"/>
      <c r="V13" s="237"/>
      <c r="W13" s="469"/>
      <c r="X13" s="469"/>
      <c r="Y13" s="469"/>
      <c r="Z13" s="469"/>
      <c r="AA13" s="469"/>
    </row>
    <row r="14" spans="1:27" ht="23" customHeight="1" x14ac:dyDescent="0.55000000000000004">
      <c r="A14" s="471"/>
      <c r="B14" s="467"/>
      <c r="C14" s="235"/>
      <c r="D14" s="236"/>
      <c r="E14" s="236"/>
      <c r="F14" s="236"/>
      <c r="G14" s="236"/>
      <c r="H14" s="236"/>
      <c r="I14" s="236"/>
      <c r="J14" s="236"/>
      <c r="K14" s="236"/>
      <c r="L14" s="236"/>
      <c r="M14" s="236"/>
      <c r="N14" s="236"/>
      <c r="O14" s="236"/>
      <c r="P14" s="236"/>
      <c r="Q14" s="236"/>
      <c r="R14" s="236"/>
      <c r="S14" s="236"/>
      <c r="T14" s="236"/>
      <c r="U14" s="236"/>
      <c r="V14" s="237"/>
      <c r="W14" s="469"/>
      <c r="X14" s="469"/>
      <c r="Y14" s="469"/>
      <c r="Z14" s="469"/>
      <c r="AA14" s="469"/>
    </row>
    <row r="15" spans="1:27" ht="23" customHeight="1" x14ac:dyDescent="0.55000000000000004">
      <c r="A15" s="472"/>
      <c r="B15" s="467"/>
      <c r="C15" s="235"/>
      <c r="D15" s="236"/>
      <c r="E15" s="236"/>
      <c r="F15" s="236"/>
      <c r="G15" s="236"/>
      <c r="H15" s="236"/>
      <c r="I15" s="236"/>
      <c r="J15" s="236"/>
      <c r="K15" s="236"/>
      <c r="L15" s="236"/>
      <c r="M15" s="236"/>
      <c r="N15" s="236"/>
      <c r="O15" s="236"/>
      <c r="P15" s="236"/>
      <c r="Q15" s="236"/>
      <c r="R15" s="236"/>
      <c r="S15" s="236"/>
      <c r="T15" s="236"/>
      <c r="U15" s="238"/>
      <c r="V15" s="237"/>
      <c r="W15" s="469"/>
      <c r="X15" s="469"/>
      <c r="Y15" s="469"/>
      <c r="Z15" s="469"/>
      <c r="AA15" s="469"/>
    </row>
    <row r="16" spans="1:27" ht="23" customHeight="1" x14ac:dyDescent="0.55000000000000004">
      <c r="A16" s="470" t="s">
        <v>347</v>
      </c>
      <c r="B16" s="231"/>
      <c r="C16" s="421">
        <v>1</v>
      </c>
      <c r="D16" s="422"/>
      <c r="E16" s="421">
        <v>2</v>
      </c>
      <c r="F16" s="422"/>
      <c r="G16" s="421">
        <v>3</v>
      </c>
      <c r="H16" s="422"/>
      <c r="I16" s="421">
        <v>4</v>
      </c>
      <c r="J16" s="422"/>
      <c r="K16" s="421">
        <v>5</v>
      </c>
      <c r="L16" s="422"/>
      <c r="M16" s="421">
        <v>6</v>
      </c>
      <c r="N16" s="422"/>
      <c r="O16" s="421">
        <v>7</v>
      </c>
      <c r="P16" s="422"/>
      <c r="Q16" s="421">
        <v>8</v>
      </c>
      <c r="R16" s="422"/>
      <c r="S16" s="421">
        <v>9</v>
      </c>
      <c r="T16" s="422"/>
      <c r="U16" s="421">
        <v>10</v>
      </c>
      <c r="V16" s="422"/>
      <c r="W16" s="446" t="s">
        <v>100</v>
      </c>
      <c r="X16" s="446"/>
      <c r="Y16" s="446"/>
      <c r="Z16" s="446"/>
      <c r="AA16" s="446"/>
    </row>
    <row r="17" spans="1:27" ht="23" customHeight="1" x14ac:dyDescent="0.55000000000000004">
      <c r="A17" s="471"/>
      <c r="B17" s="168" t="s">
        <v>82</v>
      </c>
      <c r="C17" s="417">
        <f>【手順２】ベースボール型!D33</f>
        <v>0</v>
      </c>
      <c r="D17" s="418"/>
      <c r="E17" s="417">
        <f>【手順２】ベースボール型!F33</f>
        <v>0</v>
      </c>
      <c r="F17" s="418"/>
      <c r="G17" s="417">
        <f>【手順２】ベースボール型!H33</f>
        <v>0</v>
      </c>
      <c r="H17" s="418"/>
      <c r="I17" s="417">
        <f>【手順２】ベースボール型!J33</f>
        <v>0</v>
      </c>
      <c r="J17" s="418"/>
      <c r="K17" s="417">
        <f>【手順２】ベースボール型!L33</f>
        <v>0</v>
      </c>
      <c r="L17" s="418"/>
      <c r="M17" s="417">
        <f>【手順２】ベースボール型!N33</f>
        <v>0</v>
      </c>
      <c r="N17" s="418"/>
      <c r="O17" s="417">
        <f>【手順２】ベースボール型!P33</f>
        <v>0</v>
      </c>
      <c r="P17" s="418"/>
      <c r="Q17" s="417">
        <f>【手順２】ベースボール型!R33</f>
        <v>0</v>
      </c>
      <c r="R17" s="418"/>
      <c r="S17" s="417">
        <f>【手順２】ベースボール型!T33</f>
        <v>0</v>
      </c>
      <c r="T17" s="418"/>
      <c r="U17" s="417">
        <f>【手順２】ベースボール型!V33</f>
        <v>0</v>
      </c>
      <c r="V17" s="418"/>
      <c r="W17" s="416"/>
      <c r="X17" s="416"/>
      <c r="Y17" s="416"/>
      <c r="Z17" s="416"/>
      <c r="AA17" s="416"/>
    </row>
    <row r="18" spans="1:27" ht="23" customHeight="1" x14ac:dyDescent="0.55000000000000004">
      <c r="A18" s="471"/>
      <c r="B18" s="92" t="s">
        <v>83</v>
      </c>
      <c r="C18" s="241">
        <f>【手順２】ベースボール型!D34</f>
        <v>0</v>
      </c>
      <c r="D18" s="242">
        <f>【手順２】ベースボール型!E34</f>
        <v>0</v>
      </c>
      <c r="E18" s="239">
        <f>【手順２】ベースボール型!F34</f>
        <v>0</v>
      </c>
      <c r="F18" s="240">
        <f>【手順２】ベースボール型!G34</f>
        <v>0</v>
      </c>
      <c r="G18" s="239">
        <f>【手順２】ベースボール型!H34</f>
        <v>0</v>
      </c>
      <c r="H18" s="240">
        <f>【手順２】ベースボール型!I34</f>
        <v>0</v>
      </c>
      <c r="I18" s="241">
        <f>【手順２】ベースボール型!J34</f>
        <v>0</v>
      </c>
      <c r="J18" s="242">
        <f>【手順２】ベースボール型!K34</f>
        <v>0</v>
      </c>
      <c r="K18" s="239">
        <f>【手順２】ベースボール型!L34</f>
        <v>0</v>
      </c>
      <c r="L18" s="240">
        <f>【手順２】ベースボール型!M34</f>
        <v>0</v>
      </c>
      <c r="M18" s="239">
        <f>【手順２】ベースボール型!N34</f>
        <v>0</v>
      </c>
      <c r="N18" s="240">
        <f>【手順２】ベースボール型!O34</f>
        <v>0</v>
      </c>
      <c r="O18" s="239">
        <f>【手順２】ベースボール型!P34</f>
        <v>0</v>
      </c>
      <c r="P18" s="240">
        <f>【手順２】ベースボール型!Q34</f>
        <v>0</v>
      </c>
      <c r="Q18" s="241">
        <f>【手順２】ベースボール型!R34</f>
        <v>0</v>
      </c>
      <c r="R18" s="242">
        <f>【手順２】ベースボール型!S34</f>
        <v>0</v>
      </c>
      <c r="S18" s="239">
        <f>【手順２】ベースボール型!T34</f>
        <v>0</v>
      </c>
      <c r="T18" s="240">
        <f>【手順２】ベースボール型!U34</f>
        <v>0</v>
      </c>
      <c r="U18" s="239">
        <f>【手順２】ベースボール型!V34</f>
        <v>0</v>
      </c>
      <c r="V18" s="240">
        <f>【手順２】ベースボール型!W34</f>
        <v>0</v>
      </c>
      <c r="W18" s="416"/>
      <c r="X18" s="416"/>
      <c r="Y18" s="416"/>
      <c r="Z18" s="416"/>
      <c r="AA18" s="416"/>
    </row>
    <row r="19" spans="1:27" ht="23" customHeight="1" x14ac:dyDescent="0.55000000000000004">
      <c r="A19" s="471"/>
      <c r="B19" s="231" t="s">
        <v>84</v>
      </c>
      <c r="C19" s="419">
        <f>【手順２】ベースボール型!D35</f>
        <v>0</v>
      </c>
      <c r="D19" s="420"/>
      <c r="E19" s="419">
        <f>【手順２】ベースボール型!F35</f>
        <v>0</v>
      </c>
      <c r="F19" s="420"/>
      <c r="G19" s="419">
        <f>【手順２】ベースボール型!H35</f>
        <v>0</v>
      </c>
      <c r="H19" s="420"/>
      <c r="I19" s="419">
        <f>【手順２】ベースボール型!J35</f>
        <v>0</v>
      </c>
      <c r="J19" s="420"/>
      <c r="K19" s="419">
        <f>【手順２】ベースボール型!L35</f>
        <v>0</v>
      </c>
      <c r="L19" s="420"/>
      <c r="M19" s="419">
        <f>【手順２】ベースボール型!N35</f>
        <v>0</v>
      </c>
      <c r="N19" s="420"/>
      <c r="O19" s="419">
        <f>【手順２】ベースボール型!P35</f>
        <v>0</v>
      </c>
      <c r="P19" s="420"/>
      <c r="Q19" s="419">
        <f>【手順２】ベースボール型!R35</f>
        <v>0</v>
      </c>
      <c r="R19" s="420"/>
      <c r="S19" s="419">
        <f>【手順２】ベースボール型!T35</f>
        <v>0</v>
      </c>
      <c r="T19" s="420"/>
      <c r="U19" s="419">
        <f>【手順２】ベースボール型!V35</f>
        <v>0</v>
      </c>
      <c r="V19" s="420"/>
      <c r="W19" s="416"/>
      <c r="X19" s="416"/>
      <c r="Y19" s="416"/>
      <c r="Z19" s="416"/>
      <c r="AA19" s="416"/>
    </row>
    <row r="20" spans="1:27" ht="23" customHeight="1" x14ac:dyDescent="0.55000000000000004">
      <c r="A20" s="471"/>
      <c r="B20" s="231" t="s">
        <v>85</v>
      </c>
      <c r="C20" s="439">
        <f>【手順２】ベースボール型!D36</f>
        <v>0</v>
      </c>
      <c r="D20" s="439"/>
      <c r="E20" s="439">
        <f>【手順２】ベースボール型!F36</f>
        <v>0</v>
      </c>
      <c r="F20" s="439"/>
      <c r="G20" s="439">
        <f>【手順２】ベースボール型!H36</f>
        <v>0</v>
      </c>
      <c r="H20" s="439"/>
      <c r="I20" s="439">
        <f>【手順２】ベースボール型!J36</f>
        <v>0</v>
      </c>
      <c r="J20" s="439"/>
      <c r="K20" s="439">
        <f>【手順２】ベースボール型!L36</f>
        <v>0</v>
      </c>
      <c r="L20" s="439"/>
      <c r="M20" s="439">
        <f>【手順２】ベースボール型!N36</f>
        <v>0</v>
      </c>
      <c r="N20" s="439"/>
      <c r="O20" s="439">
        <f>【手順２】ベースボール型!P36</f>
        <v>0</v>
      </c>
      <c r="P20" s="439"/>
      <c r="Q20" s="439">
        <f>【手順２】ベースボール型!R36</f>
        <v>0</v>
      </c>
      <c r="R20" s="439"/>
      <c r="S20" s="439">
        <f>【手順２】ベースボール型!T36</f>
        <v>0</v>
      </c>
      <c r="T20" s="439"/>
      <c r="U20" s="439">
        <f>【手順２】ベースボール型!V36</f>
        <v>0</v>
      </c>
      <c r="V20" s="439"/>
      <c r="W20" s="483"/>
      <c r="X20" s="416"/>
      <c r="Y20" s="416"/>
      <c r="Z20" s="416"/>
      <c r="AA20" s="416"/>
    </row>
    <row r="21" spans="1:27" ht="23" customHeight="1" x14ac:dyDescent="0.55000000000000004">
      <c r="A21" s="472"/>
      <c r="B21" s="204"/>
      <c r="C21" s="419" t="s">
        <v>327</v>
      </c>
      <c r="D21" s="429"/>
      <c r="E21" s="429"/>
      <c r="F21" s="429"/>
      <c r="G21" s="429"/>
      <c r="H21" s="429"/>
      <c r="I21" s="429"/>
      <c r="J21" s="429"/>
      <c r="K21" s="429"/>
      <c r="L21" s="429"/>
      <c r="M21" s="429"/>
      <c r="N21" s="429"/>
      <c r="O21" s="429"/>
      <c r="P21" s="429"/>
      <c r="Q21" s="429"/>
      <c r="R21" s="429"/>
      <c r="S21" s="429"/>
      <c r="T21" s="429"/>
      <c r="U21" s="429"/>
      <c r="V21" s="420"/>
      <c r="W21" s="430"/>
      <c r="X21" s="431"/>
      <c r="Y21" s="431"/>
      <c r="Z21" s="431"/>
      <c r="AA21" s="432"/>
    </row>
    <row r="22" spans="1:27" ht="38" customHeight="1" x14ac:dyDescent="0.55000000000000004">
      <c r="A22" s="470" t="s">
        <v>89</v>
      </c>
      <c r="B22" s="481" t="s">
        <v>1</v>
      </c>
      <c r="C22" s="433"/>
      <c r="D22" s="434"/>
      <c r="E22" s="434"/>
      <c r="F22" s="434"/>
      <c r="G22" s="434"/>
      <c r="H22" s="434"/>
      <c r="I22" s="434"/>
      <c r="J22" s="434"/>
      <c r="K22" s="434"/>
      <c r="L22" s="434"/>
      <c r="M22" s="434"/>
      <c r="N22" s="434"/>
      <c r="O22" s="434"/>
      <c r="P22" s="434"/>
      <c r="Q22" s="434"/>
      <c r="R22" s="434"/>
      <c r="S22" s="434"/>
      <c r="T22" s="434"/>
      <c r="U22" s="434"/>
      <c r="V22" s="434"/>
      <c r="W22" s="434"/>
      <c r="X22" s="434"/>
      <c r="Y22" s="434"/>
      <c r="Z22" s="434"/>
      <c r="AA22" s="435"/>
    </row>
    <row r="23" spans="1:27" ht="38" customHeight="1" x14ac:dyDescent="0.55000000000000004">
      <c r="A23" s="471"/>
      <c r="B23" s="481"/>
      <c r="C23" s="436"/>
      <c r="D23" s="437"/>
      <c r="E23" s="437"/>
      <c r="F23" s="437"/>
      <c r="G23" s="437"/>
      <c r="H23" s="437"/>
      <c r="I23" s="437"/>
      <c r="J23" s="437"/>
      <c r="K23" s="437"/>
      <c r="L23" s="437"/>
      <c r="M23" s="437"/>
      <c r="N23" s="437"/>
      <c r="O23" s="437"/>
      <c r="P23" s="437"/>
      <c r="Q23" s="437"/>
      <c r="R23" s="437"/>
      <c r="S23" s="437"/>
      <c r="T23" s="437"/>
      <c r="U23" s="437"/>
      <c r="V23" s="437"/>
      <c r="W23" s="437"/>
      <c r="X23" s="437"/>
      <c r="Y23" s="437"/>
      <c r="Z23" s="437"/>
      <c r="AA23" s="438"/>
    </row>
    <row r="24" spans="1:27" ht="38" customHeight="1" x14ac:dyDescent="0.55000000000000004">
      <c r="A24" s="471"/>
      <c r="B24" s="481"/>
      <c r="C24" s="440"/>
      <c r="D24" s="441"/>
      <c r="E24" s="441"/>
      <c r="F24" s="441"/>
      <c r="G24" s="441"/>
      <c r="H24" s="441"/>
      <c r="I24" s="441"/>
      <c r="J24" s="441"/>
      <c r="K24" s="441"/>
      <c r="L24" s="441"/>
      <c r="M24" s="441"/>
      <c r="N24" s="441"/>
      <c r="O24" s="441"/>
      <c r="P24" s="441"/>
      <c r="Q24" s="441"/>
      <c r="R24" s="441"/>
      <c r="S24" s="441"/>
      <c r="T24" s="441"/>
      <c r="U24" s="441"/>
      <c r="V24" s="441"/>
      <c r="W24" s="441"/>
      <c r="X24" s="441"/>
      <c r="Y24" s="441"/>
      <c r="Z24" s="441"/>
      <c r="AA24" s="442"/>
    </row>
    <row r="25" spans="1:27" ht="38" customHeight="1" x14ac:dyDescent="0.55000000000000004">
      <c r="A25" s="471"/>
      <c r="B25" s="482"/>
      <c r="C25" s="450"/>
      <c r="D25" s="451"/>
      <c r="E25" s="451"/>
      <c r="F25" s="451"/>
      <c r="G25" s="451"/>
      <c r="H25" s="451"/>
      <c r="I25" s="451"/>
      <c r="J25" s="451"/>
      <c r="K25" s="451"/>
      <c r="L25" s="451"/>
      <c r="M25" s="451"/>
      <c r="N25" s="451"/>
      <c r="O25" s="451"/>
      <c r="P25" s="451"/>
      <c r="Q25" s="451"/>
      <c r="R25" s="451"/>
      <c r="S25" s="451"/>
      <c r="T25" s="451"/>
      <c r="U25" s="451"/>
      <c r="V25" s="451"/>
      <c r="W25" s="451"/>
      <c r="X25" s="451"/>
      <c r="Y25" s="451"/>
      <c r="Z25" s="451"/>
      <c r="AA25" s="452"/>
    </row>
    <row r="26" spans="1:27" ht="38" customHeight="1" x14ac:dyDescent="0.55000000000000004">
      <c r="A26" s="471"/>
      <c r="B26" s="480" t="s">
        <v>363</v>
      </c>
      <c r="C26" s="453"/>
      <c r="D26" s="454"/>
      <c r="E26" s="454"/>
      <c r="F26" s="454"/>
      <c r="G26" s="454"/>
      <c r="H26" s="454"/>
      <c r="I26" s="454"/>
      <c r="J26" s="454"/>
      <c r="K26" s="454"/>
      <c r="L26" s="454"/>
      <c r="M26" s="454"/>
      <c r="N26" s="454"/>
      <c r="O26" s="454"/>
      <c r="P26" s="454"/>
      <c r="Q26" s="454"/>
      <c r="R26" s="454"/>
      <c r="S26" s="454"/>
      <c r="T26" s="454"/>
      <c r="U26" s="454"/>
      <c r="V26" s="454"/>
      <c r="W26" s="454"/>
      <c r="X26" s="454"/>
      <c r="Y26" s="454"/>
      <c r="Z26" s="454"/>
      <c r="AA26" s="455"/>
    </row>
    <row r="27" spans="1:27" ht="38" customHeight="1" x14ac:dyDescent="0.55000000000000004">
      <c r="A27" s="471"/>
      <c r="B27" s="477"/>
      <c r="C27" s="436"/>
      <c r="D27" s="437"/>
      <c r="E27" s="437"/>
      <c r="F27" s="437"/>
      <c r="G27" s="437"/>
      <c r="H27" s="437"/>
      <c r="I27" s="437"/>
      <c r="J27" s="437"/>
      <c r="K27" s="437"/>
      <c r="L27" s="437"/>
      <c r="M27" s="437"/>
      <c r="N27" s="437"/>
      <c r="O27" s="437"/>
      <c r="P27" s="437"/>
      <c r="Q27" s="437"/>
      <c r="R27" s="437"/>
      <c r="S27" s="437"/>
      <c r="T27" s="437"/>
      <c r="U27" s="437"/>
      <c r="V27" s="437"/>
      <c r="W27" s="437"/>
      <c r="X27" s="437"/>
      <c r="Y27" s="437"/>
      <c r="Z27" s="437"/>
      <c r="AA27" s="438"/>
    </row>
    <row r="28" spans="1:27" ht="38" customHeight="1" x14ac:dyDescent="0.55000000000000004">
      <c r="A28" s="471"/>
      <c r="B28" s="477"/>
      <c r="C28" s="436"/>
      <c r="D28" s="437"/>
      <c r="E28" s="437"/>
      <c r="F28" s="437"/>
      <c r="G28" s="437"/>
      <c r="H28" s="437"/>
      <c r="I28" s="437"/>
      <c r="J28" s="437"/>
      <c r="K28" s="437"/>
      <c r="L28" s="437"/>
      <c r="M28" s="437"/>
      <c r="N28" s="437"/>
      <c r="O28" s="437"/>
      <c r="P28" s="437"/>
      <c r="Q28" s="437"/>
      <c r="R28" s="437"/>
      <c r="S28" s="437"/>
      <c r="T28" s="437"/>
      <c r="U28" s="437"/>
      <c r="V28" s="437"/>
      <c r="W28" s="437"/>
      <c r="X28" s="437"/>
      <c r="Y28" s="437"/>
      <c r="Z28" s="437"/>
      <c r="AA28" s="438"/>
    </row>
    <row r="29" spans="1:27" ht="38" customHeight="1" x14ac:dyDescent="0.55000000000000004">
      <c r="A29" s="471"/>
      <c r="B29" s="477"/>
      <c r="C29" s="440"/>
      <c r="D29" s="441"/>
      <c r="E29" s="441"/>
      <c r="F29" s="441"/>
      <c r="G29" s="441"/>
      <c r="H29" s="441"/>
      <c r="I29" s="441"/>
      <c r="J29" s="441"/>
      <c r="K29" s="441"/>
      <c r="L29" s="441"/>
      <c r="M29" s="441"/>
      <c r="N29" s="441"/>
      <c r="O29" s="441"/>
      <c r="P29" s="441"/>
      <c r="Q29" s="441"/>
      <c r="R29" s="441"/>
      <c r="S29" s="441"/>
      <c r="T29" s="441"/>
      <c r="U29" s="441"/>
      <c r="V29" s="441"/>
      <c r="W29" s="441"/>
      <c r="X29" s="441"/>
      <c r="Y29" s="441"/>
      <c r="Z29" s="441"/>
      <c r="AA29" s="442"/>
    </row>
    <row r="30" spans="1:27" ht="38" customHeight="1" x14ac:dyDescent="0.55000000000000004">
      <c r="A30" s="471"/>
      <c r="B30" s="477"/>
      <c r="C30" s="440"/>
      <c r="D30" s="441"/>
      <c r="E30" s="441"/>
      <c r="F30" s="441"/>
      <c r="G30" s="441"/>
      <c r="H30" s="441"/>
      <c r="I30" s="441"/>
      <c r="J30" s="441"/>
      <c r="K30" s="441"/>
      <c r="L30" s="441"/>
      <c r="M30" s="441"/>
      <c r="N30" s="441"/>
      <c r="O30" s="441"/>
      <c r="P30" s="441"/>
      <c r="Q30" s="441"/>
      <c r="R30" s="441"/>
      <c r="S30" s="441"/>
      <c r="T30" s="441"/>
      <c r="U30" s="441"/>
      <c r="V30" s="441"/>
      <c r="W30" s="441"/>
      <c r="X30" s="441"/>
      <c r="Y30" s="441"/>
      <c r="Z30" s="441"/>
      <c r="AA30" s="442"/>
    </row>
    <row r="31" spans="1:27" ht="38" customHeight="1" x14ac:dyDescent="0.55000000000000004">
      <c r="A31" s="471"/>
      <c r="B31" s="478"/>
      <c r="C31" s="450"/>
      <c r="D31" s="451"/>
      <c r="E31" s="451"/>
      <c r="F31" s="451"/>
      <c r="G31" s="451"/>
      <c r="H31" s="451"/>
      <c r="I31" s="451"/>
      <c r="J31" s="451"/>
      <c r="K31" s="451"/>
      <c r="L31" s="451"/>
      <c r="M31" s="451"/>
      <c r="N31" s="451"/>
      <c r="O31" s="451"/>
      <c r="P31" s="451"/>
      <c r="Q31" s="451"/>
      <c r="R31" s="451"/>
      <c r="S31" s="451"/>
      <c r="T31" s="451"/>
      <c r="U31" s="451"/>
      <c r="V31" s="451"/>
      <c r="W31" s="451"/>
      <c r="X31" s="451"/>
      <c r="Y31" s="451"/>
      <c r="Z31" s="451"/>
      <c r="AA31" s="452"/>
    </row>
    <row r="32" spans="1:27" ht="38" customHeight="1" x14ac:dyDescent="0.55000000000000004">
      <c r="A32" s="471"/>
      <c r="B32" s="477" t="s">
        <v>96</v>
      </c>
      <c r="C32" s="433"/>
      <c r="D32" s="434"/>
      <c r="E32" s="434"/>
      <c r="F32" s="434"/>
      <c r="G32" s="434"/>
      <c r="H32" s="434"/>
      <c r="I32" s="434"/>
      <c r="J32" s="434"/>
      <c r="K32" s="434"/>
      <c r="L32" s="434"/>
      <c r="M32" s="434"/>
      <c r="N32" s="434"/>
      <c r="O32" s="434"/>
      <c r="P32" s="434"/>
      <c r="Q32" s="434"/>
      <c r="R32" s="434"/>
      <c r="S32" s="434"/>
      <c r="T32" s="434"/>
      <c r="U32" s="434"/>
      <c r="V32" s="434"/>
      <c r="W32" s="434"/>
      <c r="X32" s="434"/>
      <c r="Y32" s="434"/>
      <c r="Z32" s="434"/>
      <c r="AA32" s="435"/>
    </row>
    <row r="33" spans="1:27" ht="37.5" customHeight="1" x14ac:dyDescent="0.55000000000000004">
      <c r="A33" s="471"/>
      <c r="B33" s="479"/>
      <c r="C33" s="436"/>
      <c r="D33" s="437"/>
      <c r="E33" s="437"/>
      <c r="F33" s="437"/>
      <c r="G33" s="437"/>
      <c r="H33" s="437"/>
      <c r="I33" s="437"/>
      <c r="J33" s="437"/>
      <c r="K33" s="437"/>
      <c r="L33" s="437"/>
      <c r="M33" s="437"/>
      <c r="N33" s="437"/>
      <c r="O33" s="437"/>
      <c r="P33" s="437"/>
      <c r="Q33" s="437"/>
      <c r="R33" s="437"/>
      <c r="S33" s="437"/>
      <c r="T33" s="437"/>
      <c r="U33" s="437"/>
      <c r="V33" s="437"/>
      <c r="W33" s="437"/>
      <c r="X33" s="437"/>
      <c r="Y33" s="437"/>
      <c r="Z33" s="437"/>
      <c r="AA33" s="438"/>
    </row>
    <row r="34" spans="1:27" ht="37.5" customHeight="1" x14ac:dyDescent="0.55000000000000004">
      <c r="A34" s="471"/>
      <c r="B34" s="479"/>
      <c r="C34" s="440"/>
      <c r="D34" s="441"/>
      <c r="E34" s="441"/>
      <c r="F34" s="441"/>
      <c r="G34" s="441"/>
      <c r="H34" s="441"/>
      <c r="I34" s="441"/>
      <c r="J34" s="441"/>
      <c r="K34" s="441"/>
      <c r="L34" s="441"/>
      <c r="M34" s="441"/>
      <c r="N34" s="441"/>
      <c r="O34" s="441"/>
      <c r="P34" s="441"/>
      <c r="Q34" s="441"/>
      <c r="R34" s="441"/>
      <c r="S34" s="441"/>
      <c r="T34" s="441"/>
      <c r="U34" s="441"/>
      <c r="V34" s="441"/>
      <c r="W34" s="441"/>
      <c r="X34" s="441"/>
      <c r="Y34" s="441"/>
      <c r="Z34" s="441"/>
      <c r="AA34" s="442"/>
    </row>
    <row r="35" spans="1:27" ht="37.5" customHeight="1" x14ac:dyDescent="0.55000000000000004">
      <c r="A35" s="471"/>
      <c r="B35" s="479"/>
      <c r="C35" s="443"/>
      <c r="D35" s="444"/>
      <c r="E35" s="444"/>
      <c r="F35" s="444"/>
      <c r="G35" s="444"/>
      <c r="H35" s="444"/>
      <c r="I35" s="444"/>
      <c r="J35" s="444"/>
      <c r="K35" s="444"/>
      <c r="L35" s="444"/>
      <c r="M35" s="444"/>
      <c r="N35" s="444"/>
      <c r="O35" s="444"/>
      <c r="P35" s="444"/>
      <c r="Q35" s="444"/>
      <c r="R35" s="444"/>
      <c r="S35" s="444"/>
      <c r="T35" s="444"/>
      <c r="U35" s="444"/>
      <c r="V35" s="444"/>
      <c r="W35" s="444"/>
      <c r="X35" s="444"/>
      <c r="Y35" s="444"/>
      <c r="Z35" s="444"/>
      <c r="AA35" s="445"/>
    </row>
    <row r="36" spans="1:27" ht="37.5" customHeight="1" x14ac:dyDescent="0.55000000000000004">
      <c r="A36" s="471"/>
      <c r="B36" s="476" t="s">
        <v>5</v>
      </c>
      <c r="C36" s="447"/>
      <c r="D36" s="448"/>
      <c r="E36" s="448"/>
      <c r="F36" s="448"/>
      <c r="G36" s="448"/>
      <c r="H36" s="448"/>
      <c r="I36" s="448"/>
      <c r="J36" s="448"/>
      <c r="K36" s="448"/>
      <c r="L36" s="448"/>
      <c r="M36" s="448"/>
      <c r="N36" s="448"/>
      <c r="O36" s="448"/>
      <c r="P36" s="448"/>
      <c r="Q36" s="448"/>
      <c r="R36" s="448"/>
      <c r="S36" s="448"/>
      <c r="T36" s="448"/>
      <c r="U36" s="448"/>
      <c r="V36" s="448"/>
      <c r="W36" s="448"/>
      <c r="X36" s="448"/>
      <c r="Y36" s="448"/>
      <c r="Z36" s="448"/>
      <c r="AA36" s="449"/>
    </row>
    <row r="37" spans="1:27" ht="37.5" customHeight="1" x14ac:dyDescent="0.55000000000000004">
      <c r="A37" s="471"/>
      <c r="B37" s="477"/>
      <c r="C37" s="456"/>
      <c r="D37" s="457"/>
      <c r="E37" s="457"/>
      <c r="F37" s="457"/>
      <c r="G37" s="457"/>
      <c r="H37" s="457"/>
      <c r="I37" s="457"/>
      <c r="J37" s="457"/>
      <c r="K37" s="457"/>
      <c r="L37" s="457"/>
      <c r="M37" s="457"/>
      <c r="N37" s="457"/>
      <c r="O37" s="457"/>
      <c r="P37" s="457"/>
      <c r="Q37" s="457"/>
      <c r="R37" s="457"/>
      <c r="S37" s="457"/>
      <c r="T37" s="457"/>
      <c r="U37" s="457"/>
      <c r="V37" s="457"/>
      <c r="W37" s="457"/>
      <c r="X37" s="457"/>
      <c r="Y37" s="457"/>
      <c r="Z37" s="457"/>
      <c r="AA37" s="458"/>
    </row>
    <row r="38" spans="1:27" ht="37.5" customHeight="1" x14ac:dyDescent="0.55000000000000004">
      <c r="A38" s="471"/>
      <c r="B38" s="477"/>
      <c r="C38" s="423"/>
      <c r="D38" s="424"/>
      <c r="E38" s="424"/>
      <c r="F38" s="424"/>
      <c r="G38" s="424"/>
      <c r="H38" s="424"/>
      <c r="I38" s="424"/>
      <c r="J38" s="424"/>
      <c r="K38" s="424"/>
      <c r="L38" s="424"/>
      <c r="M38" s="424"/>
      <c r="N38" s="424"/>
      <c r="O38" s="424"/>
      <c r="P38" s="424"/>
      <c r="Q38" s="424"/>
      <c r="R38" s="424"/>
      <c r="S38" s="424"/>
      <c r="T38" s="424"/>
      <c r="U38" s="424"/>
      <c r="V38" s="424"/>
      <c r="W38" s="424"/>
      <c r="X38" s="424"/>
      <c r="Y38" s="424"/>
      <c r="Z38" s="424"/>
      <c r="AA38" s="425"/>
    </row>
    <row r="39" spans="1:27" ht="37.5" customHeight="1" x14ac:dyDescent="0.55000000000000004">
      <c r="A39" s="472"/>
      <c r="B39" s="478"/>
      <c r="C39" s="426"/>
      <c r="D39" s="427"/>
      <c r="E39" s="427"/>
      <c r="F39" s="427"/>
      <c r="G39" s="427"/>
      <c r="H39" s="427"/>
      <c r="I39" s="427"/>
      <c r="J39" s="427"/>
      <c r="K39" s="427"/>
      <c r="L39" s="427"/>
      <c r="M39" s="427"/>
      <c r="N39" s="427"/>
      <c r="O39" s="427"/>
      <c r="P39" s="427"/>
      <c r="Q39" s="427"/>
      <c r="R39" s="427"/>
      <c r="S39" s="427"/>
      <c r="T39" s="427"/>
      <c r="U39" s="427"/>
      <c r="V39" s="427"/>
      <c r="W39" s="427"/>
      <c r="X39" s="427"/>
      <c r="Y39" s="427"/>
      <c r="Z39" s="427"/>
      <c r="AA39" s="428"/>
    </row>
    <row r="40" spans="1:27" ht="37.5" customHeight="1" x14ac:dyDescent="0.55000000000000004"/>
    <row r="44" spans="1:27" ht="29" customHeight="1" x14ac:dyDescent="0.55000000000000004"/>
    <row r="53" spans="2:2" ht="28.5" customHeight="1" x14ac:dyDescent="0.55000000000000004"/>
    <row r="63" spans="2:2" ht="28.5" customHeight="1" x14ac:dyDescent="0.55000000000000004">
      <c r="B63" s="63"/>
    </row>
    <row r="64" spans="2:2" x14ac:dyDescent="0.55000000000000004">
      <c r="B64" s="63"/>
    </row>
    <row r="65" spans="2:2" x14ac:dyDescent="0.55000000000000004">
      <c r="B65" s="63"/>
    </row>
    <row r="66" spans="2:2" x14ac:dyDescent="0.55000000000000004">
      <c r="B66" s="63"/>
    </row>
    <row r="67" spans="2:2" x14ac:dyDescent="0.55000000000000004">
      <c r="B67" s="63"/>
    </row>
    <row r="68" spans="2:2" x14ac:dyDescent="0.55000000000000004">
      <c r="B68" s="63"/>
    </row>
    <row r="69" spans="2:2" x14ac:dyDescent="0.55000000000000004">
      <c r="B69" s="63"/>
    </row>
    <row r="70" spans="2:2" x14ac:dyDescent="0.55000000000000004">
      <c r="B70" s="63"/>
    </row>
    <row r="71" spans="2:2" x14ac:dyDescent="0.55000000000000004">
      <c r="B71" s="63"/>
    </row>
  </sheetData>
  <mergeCells count="94">
    <mergeCell ref="A1:AA1"/>
    <mergeCell ref="A2:AA2"/>
    <mergeCell ref="A3:A5"/>
    <mergeCell ref="B3:F3"/>
    <mergeCell ref="B4:F4"/>
    <mergeCell ref="B5:F5"/>
    <mergeCell ref="G3:AA3"/>
    <mergeCell ref="G4:AA4"/>
    <mergeCell ref="G5:AA5"/>
    <mergeCell ref="W6:AA6"/>
    <mergeCell ref="A6:A15"/>
    <mergeCell ref="C6:D6"/>
    <mergeCell ref="E6:F6"/>
    <mergeCell ref="G6:H6"/>
    <mergeCell ref="I6:J6"/>
    <mergeCell ref="K6:L6"/>
    <mergeCell ref="B7:B15"/>
    <mergeCell ref="M6:N6"/>
    <mergeCell ref="O6:P6"/>
    <mergeCell ref="Q6:R6"/>
    <mergeCell ref="S6:T6"/>
    <mergeCell ref="U6:V6"/>
    <mergeCell ref="W7:AA15"/>
    <mergeCell ref="A16:A21"/>
    <mergeCell ref="C16:D16"/>
    <mergeCell ref="E16:F16"/>
    <mergeCell ref="G16:H16"/>
    <mergeCell ref="I16:J16"/>
    <mergeCell ref="C19:D19"/>
    <mergeCell ref="E19:F19"/>
    <mergeCell ref="G19:H19"/>
    <mergeCell ref="I19:J19"/>
    <mergeCell ref="C21:V21"/>
    <mergeCell ref="U16:V16"/>
    <mergeCell ref="K19:L19"/>
    <mergeCell ref="M19:N19"/>
    <mergeCell ref="O19:P19"/>
    <mergeCell ref="W16:AA16"/>
    <mergeCell ref="C17:D17"/>
    <mergeCell ref="E17:F17"/>
    <mergeCell ref="G17:H17"/>
    <mergeCell ref="I17:J17"/>
    <mergeCell ref="K17:L17"/>
    <mergeCell ref="M17:N17"/>
    <mergeCell ref="O17:P17"/>
    <mergeCell ref="K16:L16"/>
    <mergeCell ref="M16:N16"/>
    <mergeCell ref="O16:P16"/>
    <mergeCell ref="Q16:R16"/>
    <mergeCell ref="S16:T16"/>
    <mergeCell ref="W19:AA19"/>
    <mergeCell ref="Q17:R17"/>
    <mergeCell ref="S17:T17"/>
    <mergeCell ref="U17:V17"/>
    <mergeCell ref="W17:AA17"/>
    <mergeCell ref="W18:AA18"/>
    <mergeCell ref="Q19:R19"/>
    <mergeCell ref="S19:T19"/>
    <mergeCell ref="U19:V19"/>
    <mergeCell ref="W21:AA21"/>
    <mergeCell ref="C20:D20"/>
    <mergeCell ref="E20:F20"/>
    <mergeCell ref="G20:H20"/>
    <mergeCell ref="I20:J20"/>
    <mergeCell ref="K20:L20"/>
    <mergeCell ref="M20:N20"/>
    <mergeCell ref="O20:P20"/>
    <mergeCell ref="Q20:R20"/>
    <mergeCell ref="S20:T20"/>
    <mergeCell ref="U20:V20"/>
    <mergeCell ref="W20:AA20"/>
    <mergeCell ref="A22:A39"/>
    <mergeCell ref="B22:B25"/>
    <mergeCell ref="C22:AA22"/>
    <mergeCell ref="C23:AA23"/>
    <mergeCell ref="C24:AA24"/>
    <mergeCell ref="C25:AA25"/>
    <mergeCell ref="B26:B31"/>
    <mergeCell ref="C26:AA26"/>
    <mergeCell ref="C27:AA27"/>
    <mergeCell ref="C28:AA28"/>
    <mergeCell ref="C29:AA29"/>
    <mergeCell ref="C30:AA30"/>
    <mergeCell ref="C31:AA31"/>
    <mergeCell ref="B32:B35"/>
    <mergeCell ref="C32:AA32"/>
    <mergeCell ref="C33:AA33"/>
    <mergeCell ref="C34:AA34"/>
    <mergeCell ref="C35:AA35"/>
    <mergeCell ref="B36:B39"/>
    <mergeCell ref="C36:AA36"/>
    <mergeCell ref="C37:AA37"/>
    <mergeCell ref="C38:AA38"/>
    <mergeCell ref="C39:AA39"/>
  </mergeCells>
  <phoneticPr fontId="1"/>
  <printOptions horizontalCentered="1" verticalCentered="1"/>
  <pageMargins left="0.70866141732283472" right="0.70866141732283472" top="0.74803149606299213" bottom="0.74803149606299213" header="0.31496062992125984" footer="0.31496062992125984"/>
  <pageSetup paperSize="9" scale="51" orientation="portrait" r:id="rId1"/>
  <colBreaks count="1" manualBreakCount="1">
    <brk id="27" max="1048575" man="1"/>
  </colBreaks>
  <drawing r:id="rId2"/>
  <extLst>
    <ext xmlns:x14="http://schemas.microsoft.com/office/spreadsheetml/2009/9/main" uri="{CCE6A557-97BC-4b89-ADB6-D9C93CAAB3DF}">
      <x14:dataValidations xmlns:xm="http://schemas.microsoft.com/office/excel/2006/main" disablePrompts="1" count="4">
        <x14:dataValidation type="list" allowBlank="1" showInputMessage="1" showErrorMessage="1">
          <x14:formula1>
            <xm:f>リスト!$E$1:$E$10</xm:f>
          </x14:formula1>
          <xm:sqref>C26:AA31</xm:sqref>
        </x14:dataValidation>
        <x14:dataValidation type="list" allowBlank="1" showInputMessage="1" showErrorMessage="1">
          <x14:formula1>
            <xm:f>リスト!$B$1:$B$4</xm:f>
          </x14:formula1>
          <xm:sqref>C22:AA25</xm:sqref>
        </x14:dataValidation>
        <x14:dataValidation type="list" allowBlank="1" showInputMessage="1" showErrorMessage="1">
          <x14:formula1>
            <xm:f>リスト!$F$1:$F$9</xm:f>
          </x14:formula1>
          <xm:sqref>C32:AA35</xm:sqref>
        </x14:dataValidation>
        <x14:dataValidation type="list" allowBlank="1" showInputMessage="1" showErrorMessage="1">
          <x14:formula1>
            <xm:f>リスト!$G$1:$G$6</xm:f>
          </x14:formula1>
          <xm:sqref>C36:AA39</xm:sqref>
        </x14:dataValidation>
      </x14:dataValidations>
    </ext>
  </extLs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6</vt:i4>
      </vt:variant>
      <vt:variant>
        <vt:lpstr>名前付き一覧</vt:lpstr>
      </vt:variant>
      <vt:variant>
        <vt:i4>11</vt:i4>
      </vt:variant>
    </vt:vector>
  </HeadingPairs>
  <TitlesOfParts>
    <vt:vector size="27" baseType="lpstr">
      <vt:lpstr>【手順１】</vt:lpstr>
      <vt:lpstr>【手順２】ゴール型</vt:lpstr>
      <vt:lpstr>【手順２】ネット型</vt:lpstr>
      <vt:lpstr>【手順２】ベースボール型</vt:lpstr>
      <vt:lpstr>【手順３】ゴール型シート①</vt:lpstr>
      <vt:lpstr>【手順３】ゴール型シート②</vt:lpstr>
      <vt:lpstr>【手順３】ネット型シート①</vt:lpstr>
      <vt:lpstr>【手順３】ネット型シート②</vt:lpstr>
      <vt:lpstr>【手順３】ベースボール型シート①</vt:lpstr>
      <vt:lpstr>【例】指導事項の配置</vt:lpstr>
      <vt:lpstr>【例】指導と評価の計画（ゴール型）</vt:lpstr>
      <vt:lpstr>【例】単元計画表（ゴール型）</vt:lpstr>
      <vt:lpstr>評価規準一覧【ゴール型】</vt:lpstr>
      <vt:lpstr>評価規準一覧【ネット型】</vt:lpstr>
      <vt:lpstr>評価規準一覧【ベースボール型】</vt:lpstr>
      <vt:lpstr>リスト</vt:lpstr>
      <vt:lpstr>【手順１】!Print_Area</vt:lpstr>
      <vt:lpstr>【手順２】ゴール型!Print_Area</vt:lpstr>
      <vt:lpstr>【手順３】ゴール型シート①!Print_Area</vt:lpstr>
      <vt:lpstr>【手順３】ゴール型シート②!Print_Area</vt:lpstr>
      <vt:lpstr>【手順３】ネット型シート①!Print_Area</vt:lpstr>
      <vt:lpstr>【手順３】ネット型シート②!Print_Area</vt:lpstr>
      <vt:lpstr>【手順３】ベースボール型シート①!Print_Area</vt:lpstr>
      <vt:lpstr>'【例】単元計画表（ゴール型）'!Print_Area</vt:lpstr>
      <vt:lpstr>技能【ゴール型】</vt:lpstr>
      <vt:lpstr>技能【ネット型】</vt:lpstr>
      <vt:lpstr>技能【ベースボール型】</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福地 真一</dc:creator>
  <cp:lastModifiedBy>user</cp:lastModifiedBy>
  <cp:lastPrinted>2020-12-15T04:32:51Z</cp:lastPrinted>
  <dcterms:created xsi:type="dcterms:W3CDTF">2020-04-19T04:47:40Z</dcterms:created>
  <dcterms:modified xsi:type="dcterms:W3CDTF">2022-08-30T03:57:38Z</dcterms:modified>
</cp:coreProperties>
</file>